
<file path=[Content_Types].xml><?xml version="1.0" encoding="utf-8"?>
<Types xmlns="http://schemas.openxmlformats.org/package/2006/content-types">
  <Default Extension="bin" ContentType="image/png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89.xml" ContentType="application/vnd.openxmlformats-officedocument.presentationml.tags+xml"/>
  <Override PartName="/ppt/notesSlides/notesSlide1.xml" ContentType="application/vnd.openxmlformats-officedocument.presentationml.notesSlide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2.xml" ContentType="application/vnd.openxmlformats-officedocument.presentationml.notesSlide+xml"/>
  <Override PartName="/ppt/media/image14.bin" ContentType="image/jpeg"/>
  <Override PartName="/ppt/media/image19.bin" ContentType="image/jpeg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6"/>
  </p:sldMasterIdLst>
  <p:notesMasterIdLst>
    <p:notesMasterId r:id="rId11"/>
  </p:notesMasterIdLst>
  <p:handoutMasterIdLst>
    <p:handoutMasterId r:id="rId12"/>
  </p:handoutMasterIdLst>
  <p:sldIdLst>
    <p:sldId id="256" r:id="rId7"/>
    <p:sldId id="268" r:id="rId8"/>
    <p:sldId id="266" r:id="rId9"/>
    <p:sldId id="269" r:id="rId10"/>
  </p:sldIdLst>
  <p:sldSz cx="12192000" cy="6858000"/>
  <p:notesSz cx="6858000" cy="9144000"/>
  <p:embeddedFontLst>
    <p:embeddedFont>
      <p:font typeface="Apis For Office" panose="020B0504010101010104" pitchFamily="34" charset="0"/>
      <p:regular r:id="rId13"/>
      <p:bold r:id="rId14"/>
      <p:italic r:id="rId15"/>
      <p:boldItalic r:id="rId16"/>
    </p:embeddedFont>
    <p:embeddedFont>
      <p:font typeface="Apis For Office Light" panose="020B0404010101010104" pitchFamily="34" charset="0"/>
      <p:regular r:id="rId17"/>
      <p:italic r:id="rId18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88EDD2D-564A-415E-B2A5-DFA9DA014C0F}" v="5" dt="2023-06-27T10:47:52.030"/>
    <p1510:client id="{BB72C881-E45B-49EC-9342-B863D0629322}" v="3" dt="2023-06-27T13:31:07.93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0013" autoAdjust="0"/>
  </p:normalViewPr>
  <p:slideViewPr>
    <p:cSldViewPr snapToGrid="0" showGuides="1">
      <p:cViewPr varScale="1">
        <p:scale>
          <a:sx n="60" d="100"/>
          <a:sy n="60" d="100"/>
        </p:scale>
        <p:origin x="908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0" d="100"/>
          <a:sy n="80" d="100"/>
        </p:scale>
        <p:origin x="3918" y="1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1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" Type="http://schemas.openxmlformats.org/officeDocument/2006/relationships/customXml" Target="../customXml/item2.xml"/><Relationship Id="rId16" Type="http://schemas.openxmlformats.org/officeDocument/2006/relationships/font" Target="fonts/font4.fntdata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font" Target="fonts/font3.fntdata"/><Relationship Id="rId23" Type="http://schemas.microsoft.com/office/2015/10/relationships/revisionInfo" Target="revisionInfo.xml"/><Relationship Id="rId10" Type="http://schemas.openxmlformats.org/officeDocument/2006/relationships/slide" Target="slides/slide4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font" Target="fonts/font2.fntdata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30/06/2023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 note</a:t>
            </a:r>
          </a:p>
          <a:p>
            <a:pPr lvl="6"/>
            <a:r>
              <a:rPr lang="en-US" dirty="0"/>
              <a:t>7 level</a:t>
            </a:r>
          </a:p>
          <a:p>
            <a:pPr lvl="7"/>
            <a:r>
              <a:rPr lang="en-US" dirty="0"/>
              <a:t>8 level</a:t>
            </a:r>
          </a:p>
          <a:p>
            <a:pPr lvl="8"/>
            <a:r>
              <a:rPr lang="en-US" dirty="0"/>
              <a:t>9 header	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30/06/2023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0" indent="-179388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-180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0" indent="0" algn="l" defTabSz="914400" rtl="0" eaLnBrk="1" latinLnBrk="0" hangingPunct="1">
      <a:buFont typeface="Arial" panose="020B0604020202020204" pitchFamily="34" charset="0"/>
      <a:buChar char="​"/>
      <a:defRPr sz="1400" b="1" kern="1200">
        <a:solidFill>
          <a:schemeClr val="tx1"/>
        </a:solidFill>
        <a:latin typeface="+mn-lt"/>
        <a:ea typeface="+mn-ea"/>
        <a:cs typeface="+mn-cs"/>
      </a:defRPr>
    </a:lvl4pPr>
    <a:lvl5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indent="-2286000" algn="l" defTabSz="914400" rtl="0" eaLnBrk="1" latinLnBrk="0" hangingPunct="1">
      <a:defRPr sz="800" kern="1200">
        <a:solidFill>
          <a:schemeClr val="tx1"/>
        </a:solidFill>
        <a:latin typeface="+mn-lt"/>
        <a:ea typeface="+mn-ea"/>
        <a:cs typeface="+mn-cs"/>
      </a:defRPr>
    </a:lvl6pPr>
    <a:lvl7pPr marL="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7pPr>
    <a:lvl8pPr marL="18000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8pPr>
    <a:lvl9pPr marL="0" indent="0" algn="l" defTabSz="914400" rtl="0" eaLnBrk="1" latinLnBrk="0" hangingPunct="1">
      <a:buFont typeface="Arial" panose="020B0604020202020204" pitchFamily="34" charset="0"/>
      <a:buChar char="​"/>
      <a:defRPr sz="800" b="1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itle slide</a:t>
            </a:r>
          </a:p>
          <a:p>
            <a:r>
              <a:rPr lang="da-DK" dirty="0"/>
              <a:t>Front page</a:t>
            </a:r>
          </a:p>
          <a:p>
            <a:r>
              <a:rPr lang="da-DK" dirty="0"/>
              <a:t>First page</a:t>
            </a:r>
            <a:endParaRPr lang="en-GB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Life-</a:t>
            </a:r>
            <a:r>
              <a:rPr lang="da-DK" dirty="0" err="1"/>
              <a:t>changing</a:t>
            </a:r>
            <a:r>
              <a:rPr lang="da-DK" dirty="0"/>
              <a:t> </a:t>
            </a:r>
            <a:r>
              <a:rPr lang="da-DK" dirty="0" err="1"/>
              <a:t>careers</a:t>
            </a:r>
            <a:endParaRPr lang="en-GB" dirty="0"/>
          </a:p>
          <a:p>
            <a:r>
              <a:rPr lang="en-GB" dirty="0"/>
              <a:t>China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95774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Proces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Looped proces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3 steps</a:t>
            </a:r>
          </a:p>
          <a:p>
            <a:r>
              <a:rPr lang="en-GB" dirty="0"/>
              <a:t>P&amp;O</a:t>
            </a:r>
          </a:p>
          <a:p>
            <a:r>
              <a:rPr lang="en-GB" dirty="0"/>
              <a:t>Life-changing careers</a:t>
            </a:r>
          </a:p>
          <a:p>
            <a:r>
              <a:rPr lang="en-GB" dirty="0"/>
              <a:t>People and organiza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99847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png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80DF523-34A7-40E1-AE82-7A0D3594680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custGeom>
            <a:avLst/>
            <a:gdLst>
              <a:gd name="connsiteX0" fmla="*/ 11666200 w 12191999"/>
              <a:gd name="connsiteY0" fmla="*/ 756760 h 6858000"/>
              <a:gd name="connsiteX1" fmla="*/ 11678975 w 12191999"/>
              <a:gd name="connsiteY1" fmla="*/ 761119 h 6858000"/>
              <a:gd name="connsiteX2" fmla="*/ 11678975 w 12191999"/>
              <a:gd name="connsiteY2" fmla="*/ 808195 h 6858000"/>
              <a:gd name="connsiteX3" fmla="*/ 11678845 w 12191999"/>
              <a:gd name="connsiteY3" fmla="*/ 808195 h 6858000"/>
              <a:gd name="connsiteX4" fmla="*/ 11667095 w 12191999"/>
              <a:gd name="connsiteY4" fmla="*/ 813579 h 6858000"/>
              <a:gd name="connsiteX5" fmla="*/ 11644998 w 12191999"/>
              <a:gd name="connsiteY5" fmla="*/ 784080 h 6858000"/>
              <a:gd name="connsiteX6" fmla="*/ 11666200 w 12191999"/>
              <a:gd name="connsiteY6" fmla="*/ 756760 h 6858000"/>
              <a:gd name="connsiteX7" fmla="*/ 11553608 w 12191999"/>
              <a:gd name="connsiteY7" fmla="*/ 755951 h 6858000"/>
              <a:gd name="connsiteX8" fmla="*/ 11565369 w 12191999"/>
              <a:gd name="connsiteY8" fmla="*/ 760439 h 6858000"/>
              <a:gd name="connsiteX9" fmla="*/ 11571638 w 12191999"/>
              <a:gd name="connsiteY9" fmla="*/ 784954 h 6858000"/>
              <a:gd name="connsiteX10" fmla="*/ 11565369 w 12191999"/>
              <a:gd name="connsiteY10" fmla="*/ 809339 h 6858000"/>
              <a:gd name="connsiteX11" fmla="*/ 11553608 w 12191999"/>
              <a:gd name="connsiteY11" fmla="*/ 813698 h 6858000"/>
              <a:gd name="connsiteX12" fmla="*/ 11542106 w 12191999"/>
              <a:gd name="connsiteY12" fmla="*/ 809339 h 6858000"/>
              <a:gd name="connsiteX13" fmla="*/ 11535837 w 12191999"/>
              <a:gd name="connsiteY13" fmla="*/ 784954 h 6858000"/>
              <a:gd name="connsiteX14" fmla="*/ 11542106 w 12191999"/>
              <a:gd name="connsiteY14" fmla="*/ 760439 h 6858000"/>
              <a:gd name="connsiteX15" fmla="*/ 11553608 w 12191999"/>
              <a:gd name="connsiteY15" fmla="*/ 755951 h 6858000"/>
              <a:gd name="connsiteX16" fmla="*/ 11389948 w 12191999"/>
              <a:gd name="connsiteY16" fmla="*/ 755951 h 6858000"/>
              <a:gd name="connsiteX17" fmla="*/ 11401504 w 12191999"/>
              <a:gd name="connsiteY17" fmla="*/ 760439 h 6858000"/>
              <a:gd name="connsiteX18" fmla="*/ 11407795 w 12191999"/>
              <a:gd name="connsiteY18" fmla="*/ 784954 h 6858000"/>
              <a:gd name="connsiteX19" fmla="*/ 11401504 w 12191999"/>
              <a:gd name="connsiteY19" fmla="*/ 809339 h 6858000"/>
              <a:gd name="connsiteX20" fmla="*/ 11389948 w 12191999"/>
              <a:gd name="connsiteY20" fmla="*/ 813698 h 6858000"/>
              <a:gd name="connsiteX21" fmla="*/ 11378133 w 12191999"/>
              <a:gd name="connsiteY21" fmla="*/ 809339 h 6858000"/>
              <a:gd name="connsiteX22" fmla="*/ 11371843 w 12191999"/>
              <a:gd name="connsiteY22" fmla="*/ 784954 h 6858000"/>
              <a:gd name="connsiteX23" fmla="*/ 11378133 w 12191999"/>
              <a:gd name="connsiteY23" fmla="*/ 760439 h 6858000"/>
              <a:gd name="connsiteX24" fmla="*/ 11389948 w 12191999"/>
              <a:gd name="connsiteY24" fmla="*/ 755951 h 6858000"/>
              <a:gd name="connsiteX25" fmla="*/ 11267462 w 12191999"/>
              <a:gd name="connsiteY25" fmla="*/ 755951 h 6858000"/>
              <a:gd name="connsiteX26" fmla="*/ 11279148 w 12191999"/>
              <a:gd name="connsiteY26" fmla="*/ 760439 h 6858000"/>
              <a:gd name="connsiteX27" fmla="*/ 11285438 w 12191999"/>
              <a:gd name="connsiteY27" fmla="*/ 784954 h 6858000"/>
              <a:gd name="connsiteX28" fmla="*/ 11279148 w 12191999"/>
              <a:gd name="connsiteY28" fmla="*/ 809339 h 6858000"/>
              <a:gd name="connsiteX29" fmla="*/ 11267462 w 12191999"/>
              <a:gd name="connsiteY29" fmla="*/ 813698 h 6858000"/>
              <a:gd name="connsiteX30" fmla="*/ 11255907 w 12191999"/>
              <a:gd name="connsiteY30" fmla="*/ 809339 h 6858000"/>
              <a:gd name="connsiteX31" fmla="*/ 11249616 w 12191999"/>
              <a:gd name="connsiteY31" fmla="*/ 784954 h 6858000"/>
              <a:gd name="connsiteX32" fmla="*/ 11255907 w 12191999"/>
              <a:gd name="connsiteY32" fmla="*/ 760439 h 6858000"/>
              <a:gd name="connsiteX33" fmla="*/ 11267462 w 12191999"/>
              <a:gd name="connsiteY33" fmla="*/ 755951 h 6858000"/>
              <a:gd name="connsiteX34" fmla="*/ 11708668 w 12191999"/>
              <a:gd name="connsiteY34" fmla="*/ 750005 h 6858000"/>
              <a:gd name="connsiteX35" fmla="*/ 11706381 w 12191999"/>
              <a:gd name="connsiteY35" fmla="*/ 752433 h 6858000"/>
              <a:gd name="connsiteX36" fmla="*/ 11706381 w 12191999"/>
              <a:gd name="connsiteY36" fmla="*/ 817032 h 6858000"/>
              <a:gd name="connsiteX37" fmla="*/ 11708420 w 12191999"/>
              <a:gd name="connsiteY37" fmla="*/ 819459 h 6858000"/>
              <a:gd name="connsiteX38" fmla="*/ 11715671 w 12191999"/>
              <a:gd name="connsiteY38" fmla="*/ 819459 h 6858000"/>
              <a:gd name="connsiteX39" fmla="*/ 11718206 w 12191999"/>
              <a:gd name="connsiteY39" fmla="*/ 817032 h 6858000"/>
              <a:gd name="connsiteX40" fmla="*/ 11718206 w 12191999"/>
              <a:gd name="connsiteY40" fmla="*/ 752433 h 6858000"/>
              <a:gd name="connsiteX41" fmla="*/ 11715660 w 12191999"/>
              <a:gd name="connsiteY41" fmla="*/ 750005 h 6858000"/>
              <a:gd name="connsiteX42" fmla="*/ 11708668 w 12191999"/>
              <a:gd name="connsiteY42" fmla="*/ 750005 h 6858000"/>
              <a:gd name="connsiteX43" fmla="*/ 11826514 w 12191999"/>
              <a:gd name="connsiteY43" fmla="*/ 749671 h 6858000"/>
              <a:gd name="connsiteX44" fmla="*/ 11822404 w 12191999"/>
              <a:gd name="connsiteY44" fmla="*/ 751851 h 6858000"/>
              <a:gd name="connsiteX45" fmla="*/ 11798623 w 12191999"/>
              <a:gd name="connsiteY45" fmla="*/ 781695 h 6858000"/>
              <a:gd name="connsiteX46" fmla="*/ 11798105 w 12191999"/>
              <a:gd name="connsiteY46" fmla="*/ 782461 h 6858000"/>
              <a:gd name="connsiteX47" fmla="*/ 11798234 w 12191999"/>
              <a:gd name="connsiteY47" fmla="*/ 783227 h 6858000"/>
              <a:gd name="connsiteX48" fmla="*/ 11822145 w 12191999"/>
              <a:gd name="connsiteY48" fmla="*/ 817420 h 6858000"/>
              <a:gd name="connsiteX49" fmla="*/ 11826126 w 12191999"/>
              <a:gd name="connsiteY49" fmla="*/ 819470 h 6858000"/>
              <a:gd name="connsiteX50" fmla="*/ 11835254 w 12191999"/>
              <a:gd name="connsiteY50" fmla="*/ 819470 h 6858000"/>
              <a:gd name="connsiteX51" fmla="*/ 11837175 w 12191999"/>
              <a:gd name="connsiteY51" fmla="*/ 817798 h 6858000"/>
              <a:gd name="connsiteX52" fmla="*/ 11836279 w 12191999"/>
              <a:gd name="connsiteY52" fmla="*/ 816136 h 6858000"/>
              <a:gd name="connsiteX53" fmla="*/ 11810826 w 12191999"/>
              <a:gd name="connsiteY53" fmla="*/ 782450 h 6858000"/>
              <a:gd name="connsiteX54" fmla="*/ 11810567 w 12191999"/>
              <a:gd name="connsiteY54" fmla="*/ 782192 h 6858000"/>
              <a:gd name="connsiteX55" fmla="*/ 11834607 w 12191999"/>
              <a:gd name="connsiteY55" fmla="*/ 753890 h 6858000"/>
              <a:gd name="connsiteX56" fmla="*/ 11835254 w 12191999"/>
              <a:gd name="connsiteY56" fmla="*/ 751203 h 6858000"/>
              <a:gd name="connsiteX57" fmla="*/ 11832816 w 12191999"/>
              <a:gd name="connsiteY57" fmla="*/ 749671 h 6858000"/>
              <a:gd name="connsiteX58" fmla="*/ 11826514 w 12191999"/>
              <a:gd name="connsiteY58" fmla="*/ 749671 h 6858000"/>
              <a:gd name="connsiteX59" fmla="*/ 11301634 w 12191999"/>
              <a:gd name="connsiteY59" fmla="*/ 749671 h 6858000"/>
              <a:gd name="connsiteX60" fmla="*/ 11299832 w 12191999"/>
              <a:gd name="connsiteY60" fmla="*/ 751462 h 6858000"/>
              <a:gd name="connsiteX61" fmla="*/ 11300350 w 12191999"/>
              <a:gd name="connsiteY61" fmla="*/ 753383 h 6858000"/>
              <a:gd name="connsiteX62" fmla="*/ 11324605 w 12191999"/>
              <a:gd name="connsiteY62" fmla="*/ 817399 h 6858000"/>
              <a:gd name="connsiteX63" fmla="*/ 11326785 w 12191999"/>
              <a:gd name="connsiteY63" fmla="*/ 819449 h 6858000"/>
              <a:gd name="connsiteX64" fmla="*/ 11332050 w 12191999"/>
              <a:gd name="connsiteY64" fmla="*/ 819449 h 6858000"/>
              <a:gd name="connsiteX65" fmla="*/ 11334489 w 12191999"/>
              <a:gd name="connsiteY65" fmla="*/ 817399 h 6858000"/>
              <a:gd name="connsiteX66" fmla="*/ 11358108 w 12191999"/>
              <a:gd name="connsiteY66" fmla="*/ 753135 h 6858000"/>
              <a:gd name="connsiteX67" fmla="*/ 11358366 w 12191999"/>
              <a:gd name="connsiteY67" fmla="*/ 751085 h 6858000"/>
              <a:gd name="connsiteX68" fmla="*/ 11356694 w 12191999"/>
              <a:gd name="connsiteY68" fmla="*/ 749671 h 6858000"/>
              <a:gd name="connsiteX69" fmla="*/ 11350015 w 12191999"/>
              <a:gd name="connsiteY69" fmla="*/ 749671 h 6858000"/>
              <a:gd name="connsiteX70" fmla="*/ 11348343 w 12191999"/>
              <a:gd name="connsiteY70" fmla="*/ 751592 h 6858000"/>
              <a:gd name="connsiteX71" fmla="*/ 11330885 w 12191999"/>
              <a:gd name="connsiteY71" fmla="*/ 802908 h 6858000"/>
              <a:gd name="connsiteX72" fmla="*/ 11312920 w 12191999"/>
              <a:gd name="connsiteY72" fmla="*/ 751851 h 6858000"/>
              <a:gd name="connsiteX73" fmla="*/ 11309845 w 12191999"/>
              <a:gd name="connsiteY73" fmla="*/ 749671 h 6858000"/>
              <a:gd name="connsiteX74" fmla="*/ 11301634 w 12191999"/>
              <a:gd name="connsiteY74" fmla="*/ 749671 h 6858000"/>
              <a:gd name="connsiteX75" fmla="*/ 11754223 w 12191999"/>
              <a:gd name="connsiteY75" fmla="*/ 748506 h 6858000"/>
              <a:gd name="connsiteX76" fmla="*/ 11731241 w 12191999"/>
              <a:gd name="connsiteY76" fmla="*/ 767625 h 6858000"/>
              <a:gd name="connsiteX77" fmla="*/ 11749346 w 12191999"/>
              <a:gd name="connsiteY77" fmla="*/ 788417 h 6858000"/>
              <a:gd name="connsiteX78" fmla="*/ 11764236 w 12191999"/>
              <a:gd name="connsiteY78" fmla="*/ 801894 h 6858000"/>
              <a:gd name="connsiteX79" fmla="*/ 11750500 w 12191999"/>
              <a:gd name="connsiteY79" fmla="*/ 813698 h 6858000"/>
              <a:gd name="connsiteX80" fmla="*/ 11733679 w 12191999"/>
              <a:gd name="connsiteY80" fmla="*/ 806641 h 6858000"/>
              <a:gd name="connsiteX81" fmla="*/ 11728673 w 12191999"/>
              <a:gd name="connsiteY81" fmla="*/ 811130 h 6858000"/>
              <a:gd name="connsiteX82" fmla="*/ 11750241 w 12191999"/>
              <a:gd name="connsiteY82" fmla="*/ 821402 h 6858000"/>
              <a:gd name="connsiteX83" fmla="*/ 11774896 w 12191999"/>
              <a:gd name="connsiteY83" fmla="*/ 800610 h 6858000"/>
              <a:gd name="connsiteX84" fmla="*/ 11741901 w 12191999"/>
              <a:gd name="connsiteY84" fmla="*/ 766471 h 6858000"/>
              <a:gd name="connsiteX85" fmla="*/ 11753457 w 12191999"/>
              <a:gd name="connsiteY85" fmla="*/ 756199 h 6858000"/>
              <a:gd name="connsiteX86" fmla="*/ 11767322 w 12191999"/>
              <a:gd name="connsiteY86" fmla="*/ 761335 h 6858000"/>
              <a:gd name="connsiteX87" fmla="*/ 11772328 w 12191999"/>
              <a:gd name="connsiteY87" fmla="*/ 756587 h 6858000"/>
              <a:gd name="connsiteX88" fmla="*/ 11754223 w 12191999"/>
              <a:gd name="connsiteY88" fmla="*/ 748506 h 6858000"/>
              <a:gd name="connsiteX89" fmla="*/ 11614257 w 12191999"/>
              <a:gd name="connsiteY89" fmla="*/ 748117 h 6858000"/>
              <a:gd name="connsiteX90" fmla="*/ 11599001 w 12191999"/>
              <a:gd name="connsiteY90" fmla="*/ 750167 h 6858000"/>
              <a:gd name="connsiteX91" fmla="*/ 11592721 w 12191999"/>
              <a:gd name="connsiteY91" fmla="*/ 755659 h 6858000"/>
              <a:gd name="connsiteX92" fmla="*/ 11592721 w 12191999"/>
              <a:gd name="connsiteY92" fmla="*/ 816902 h 6858000"/>
              <a:gd name="connsiteX93" fmla="*/ 11595418 w 12191999"/>
              <a:gd name="connsiteY93" fmla="*/ 819071 h 6858000"/>
              <a:gd name="connsiteX94" fmla="*/ 11602216 w 12191999"/>
              <a:gd name="connsiteY94" fmla="*/ 819071 h 6858000"/>
              <a:gd name="connsiteX95" fmla="*/ 11604654 w 12191999"/>
              <a:gd name="connsiteY95" fmla="*/ 816902 h 6858000"/>
              <a:gd name="connsiteX96" fmla="*/ 11604654 w 12191999"/>
              <a:gd name="connsiteY96" fmla="*/ 760774 h 6858000"/>
              <a:gd name="connsiteX97" fmla="*/ 11611452 w 12191999"/>
              <a:gd name="connsiteY97" fmla="*/ 754764 h 6858000"/>
              <a:gd name="connsiteX98" fmla="*/ 11625943 w 12191999"/>
              <a:gd name="connsiteY98" fmla="*/ 761033 h 6858000"/>
              <a:gd name="connsiteX99" fmla="*/ 11631823 w 12191999"/>
              <a:gd name="connsiteY99" fmla="*/ 755152 h 6858000"/>
              <a:gd name="connsiteX100" fmla="*/ 11614257 w 12191999"/>
              <a:gd name="connsiteY100" fmla="*/ 748117 h 6858000"/>
              <a:gd name="connsiteX101" fmla="*/ 11553619 w 12191999"/>
              <a:gd name="connsiteY101" fmla="*/ 748117 h 6858000"/>
              <a:gd name="connsiteX102" fmla="*/ 11536236 w 12191999"/>
              <a:gd name="connsiteY102" fmla="*/ 753124 h 6858000"/>
              <a:gd name="connsiteX103" fmla="*/ 11523450 w 12191999"/>
              <a:gd name="connsiteY103" fmla="*/ 784954 h 6858000"/>
              <a:gd name="connsiteX104" fmla="*/ 11536236 w 12191999"/>
              <a:gd name="connsiteY104" fmla="*/ 816654 h 6858000"/>
              <a:gd name="connsiteX105" fmla="*/ 11553619 w 12191999"/>
              <a:gd name="connsiteY105" fmla="*/ 821531 h 6858000"/>
              <a:gd name="connsiteX106" fmla="*/ 11571001 w 12191999"/>
              <a:gd name="connsiteY106" fmla="*/ 816654 h 6858000"/>
              <a:gd name="connsiteX107" fmla="*/ 11583917 w 12191999"/>
              <a:gd name="connsiteY107" fmla="*/ 784954 h 6858000"/>
              <a:gd name="connsiteX108" fmla="*/ 11571001 w 12191999"/>
              <a:gd name="connsiteY108" fmla="*/ 753124 h 6858000"/>
              <a:gd name="connsiteX109" fmla="*/ 11553619 w 12191999"/>
              <a:gd name="connsiteY109" fmla="*/ 748117 h 6858000"/>
              <a:gd name="connsiteX110" fmla="*/ 11486031 w 12191999"/>
              <a:gd name="connsiteY110" fmla="*/ 748117 h 6858000"/>
              <a:gd name="connsiteX111" fmla="*/ 11465229 w 12191999"/>
              <a:gd name="connsiteY111" fmla="*/ 751452 h 6858000"/>
              <a:gd name="connsiteX112" fmla="*/ 11459230 w 12191999"/>
              <a:gd name="connsiteY112" fmla="*/ 756965 h 6858000"/>
              <a:gd name="connsiteX113" fmla="*/ 11459230 w 12191999"/>
              <a:gd name="connsiteY113" fmla="*/ 817010 h 6858000"/>
              <a:gd name="connsiteX114" fmla="*/ 11461787 w 12191999"/>
              <a:gd name="connsiteY114" fmla="*/ 819449 h 6858000"/>
              <a:gd name="connsiteX115" fmla="*/ 11468422 w 12191999"/>
              <a:gd name="connsiteY115" fmla="*/ 819449 h 6858000"/>
              <a:gd name="connsiteX116" fmla="*/ 11471228 w 12191999"/>
              <a:gd name="connsiteY116" fmla="*/ 816751 h 6858000"/>
              <a:gd name="connsiteX117" fmla="*/ 11471228 w 12191999"/>
              <a:gd name="connsiteY117" fmla="*/ 761454 h 6858000"/>
              <a:gd name="connsiteX118" fmla="*/ 11485654 w 12191999"/>
              <a:gd name="connsiteY118" fmla="*/ 755422 h 6858000"/>
              <a:gd name="connsiteX119" fmla="*/ 11501223 w 12191999"/>
              <a:gd name="connsiteY119" fmla="*/ 771844 h 6858000"/>
              <a:gd name="connsiteX120" fmla="*/ 11501223 w 12191999"/>
              <a:gd name="connsiteY120" fmla="*/ 816751 h 6858000"/>
              <a:gd name="connsiteX121" fmla="*/ 11504288 w 12191999"/>
              <a:gd name="connsiteY121" fmla="*/ 819449 h 6858000"/>
              <a:gd name="connsiteX122" fmla="*/ 11511690 w 12191999"/>
              <a:gd name="connsiteY122" fmla="*/ 819449 h 6858000"/>
              <a:gd name="connsiteX123" fmla="*/ 11512963 w 12191999"/>
              <a:gd name="connsiteY123" fmla="*/ 816762 h 6858000"/>
              <a:gd name="connsiteX124" fmla="*/ 11512963 w 12191999"/>
              <a:gd name="connsiteY124" fmla="*/ 770312 h 6858000"/>
              <a:gd name="connsiteX125" fmla="*/ 11486031 w 12191999"/>
              <a:gd name="connsiteY125" fmla="*/ 748117 h 6858000"/>
              <a:gd name="connsiteX126" fmla="*/ 11389700 w 12191999"/>
              <a:gd name="connsiteY126" fmla="*/ 748117 h 6858000"/>
              <a:gd name="connsiteX127" fmla="*/ 11372242 w 12191999"/>
              <a:gd name="connsiteY127" fmla="*/ 753124 h 6858000"/>
              <a:gd name="connsiteX128" fmla="*/ 11359402 w 12191999"/>
              <a:gd name="connsiteY128" fmla="*/ 784954 h 6858000"/>
              <a:gd name="connsiteX129" fmla="*/ 11372242 w 12191999"/>
              <a:gd name="connsiteY129" fmla="*/ 816654 h 6858000"/>
              <a:gd name="connsiteX130" fmla="*/ 11389700 w 12191999"/>
              <a:gd name="connsiteY130" fmla="*/ 821531 h 6858000"/>
              <a:gd name="connsiteX131" fmla="*/ 11407158 w 12191999"/>
              <a:gd name="connsiteY131" fmla="*/ 816654 h 6858000"/>
              <a:gd name="connsiteX132" fmla="*/ 11420127 w 12191999"/>
              <a:gd name="connsiteY132" fmla="*/ 784954 h 6858000"/>
              <a:gd name="connsiteX133" fmla="*/ 11407158 w 12191999"/>
              <a:gd name="connsiteY133" fmla="*/ 753124 h 6858000"/>
              <a:gd name="connsiteX134" fmla="*/ 11389700 w 12191999"/>
              <a:gd name="connsiteY134" fmla="*/ 748117 h 6858000"/>
              <a:gd name="connsiteX135" fmla="*/ 11267473 w 12191999"/>
              <a:gd name="connsiteY135" fmla="*/ 748117 h 6858000"/>
              <a:gd name="connsiteX136" fmla="*/ 11250015 w 12191999"/>
              <a:gd name="connsiteY136" fmla="*/ 753124 h 6858000"/>
              <a:gd name="connsiteX137" fmla="*/ 11237046 w 12191999"/>
              <a:gd name="connsiteY137" fmla="*/ 784954 h 6858000"/>
              <a:gd name="connsiteX138" fmla="*/ 11250015 w 12191999"/>
              <a:gd name="connsiteY138" fmla="*/ 816654 h 6858000"/>
              <a:gd name="connsiteX139" fmla="*/ 11267473 w 12191999"/>
              <a:gd name="connsiteY139" fmla="*/ 821531 h 6858000"/>
              <a:gd name="connsiteX140" fmla="*/ 11284931 w 12191999"/>
              <a:gd name="connsiteY140" fmla="*/ 816654 h 6858000"/>
              <a:gd name="connsiteX141" fmla="*/ 11297771 w 12191999"/>
              <a:gd name="connsiteY141" fmla="*/ 784954 h 6858000"/>
              <a:gd name="connsiteX142" fmla="*/ 11284931 w 12191999"/>
              <a:gd name="connsiteY142" fmla="*/ 753124 h 6858000"/>
              <a:gd name="connsiteX143" fmla="*/ 11267473 w 12191999"/>
              <a:gd name="connsiteY143" fmla="*/ 748117 h 6858000"/>
              <a:gd name="connsiteX144" fmla="*/ 11199756 w 12191999"/>
              <a:gd name="connsiteY144" fmla="*/ 748117 h 6858000"/>
              <a:gd name="connsiteX145" fmla="*/ 11178857 w 12191999"/>
              <a:gd name="connsiteY145" fmla="*/ 751452 h 6858000"/>
              <a:gd name="connsiteX146" fmla="*/ 11172825 w 12191999"/>
              <a:gd name="connsiteY146" fmla="*/ 756965 h 6858000"/>
              <a:gd name="connsiteX147" fmla="*/ 11172825 w 12191999"/>
              <a:gd name="connsiteY147" fmla="*/ 817010 h 6858000"/>
              <a:gd name="connsiteX148" fmla="*/ 11175263 w 12191999"/>
              <a:gd name="connsiteY148" fmla="*/ 819449 h 6858000"/>
              <a:gd name="connsiteX149" fmla="*/ 11181932 w 12191999"/>
              <a:gd name="connsiteY149" fmla="*/ 819449 h 6858000"/>
              <a:gd name="connsiteX150" fmla="*/ 11184748 w 12191999"/>
              <a:gd name="connsiteY150" fmla="*/ 816751 h 6858000"/>
              <a:gd name="connsiteX151" fmla="*/ 11184748 w 12191999"/>
              <a:gd name="connsiteY151" fmla="*/ 761454 h 6858000"/>
              <a:gd name="connsiteX152" fmla="*/ 11199238 w 12191999"/>
              <a:gd name="connsiteY152" fmla="*/ 755422 h 6858000"/>
              <a:gd name="connsiteX153" fmla="*/ 11214884 w 12191999"/>
              <a:gd name="connsiteY153" fmla="*/ 771844 h 6858000"/>
              <a:gd name="connsiteX154" fmla="*/ 11214884 w 12191999"/>
              <a:gd name="connsiteY154" fmla="*/ 816751 h 6858000"/>
              <a:gd name="connsiteX155" fmla="*/ 11217959 w 12191999"/>
              <a:gd name="connsiteY155" fmla="*/ 819449 h 6858000"/>
              <a:gd name="connsiteX156" fmla="*/ 11225393 w 12191999"/>
              <a:gd name="connsiteY156" fmla="*/ 819449 h 6858000"/>
              <a:gd name="connsiteX157" fmla="*/ 11226817 w 12191999"/>
              <a:gd name="connsiteY157" fmla="*/ 816762 h 6858000"/>
              <a:gd name="connsiteX158" fmla="*/ 11226817 w 12191999"/>
              <a:gd name="connsiteY158" fmla="*/ 770312 h 6858000"/>
              <a:gd name="connsiteX159" fmla="*/ 11199756 w 12191999"/>
              <a:gd name="connsiteY159" fmla="*/ 748117 h 6858000"/>
              <a:gd name="connsiteX160" fmla="*/ 11681273 w 12191999"/>
              <a:gd name="connsiteY160" fmla="*/ 724801 h 6858000"/>
              <a:gd name="connsiteX161" fmla="*/ 11678845 w 12191999"/>
              <a:gd name="connsiteY161" fmla="*/ 727876 h 6858000"/>
              <a:gd name="connsiteX162" fmla="*/ 11678845 w 12191999"/>
              <a:gd name="connsiteY162" fmla="*/ 752250 h 6858000"/>
              <a:gd name="connsiteX163" fmla="*/ 11664279 w 12191999"/>
              <a:gd name="connsiteY163" fmla="*/ 748527 h 6858000"/>
              <a:gd name="connsiteX164" fmla="*/ 11632848 w 12191999"/>
              <a:gd name="connsiteY164" fmla="*/ 784954 h 6858000"/>
              <a:gd name="connsiteX165" fmla="*/ 11666707 w 12191999"/>
              <a:gd name="connsiteY165" fmla="*/ 821510 h 6858000"/>
              <a:gd name="connsiteX166" fmla="*/ 11690477 w 12191999"/>
              <a:gd name="connsiteY166" fmla="*/ 812036 h 6858000"/>
              <a:gd name="connsiteX167" fmla="*/ 11690477 w 12191999"/>
              <a:gd name="connsiteY167" fmla="*/ 727498 h 6858000"/>
              <a:gd name="connsiteX168" fmla="*/ 11687919 w 12191999"/>
              <a:gd name="connsiteY168" fmla="*/ 724801 h 6858000"/>
              <a:gd name="connsiteX169" fmla="*/ 11681273 w 12191999"/>
              <a:gd name="connsiteY169" fmla="*/ 724801 h 6858000"/>
              <a:gd name="connsiteX170" fmla="*/ 11786797 w 12191999"/>
              <a:gd name="connsiteY170" fmla="*/ 724552 h 6858000"/>
              <a:gd name="connsiteX171" fmla="*/ 11784607 w 12191999"/>
              <a:gd name="connsiteY171" fmla="*/ 726732 h 6858000"/>
              <a:gd name="connsiteX172" fmla="*/ 11784607 w 12191999"/>
              <a:gd name="connsiteY172" fmla="*/ 817280 h 6858000"/>
              <a:gd name="connsiteX173" fmla="*/ 11786797 w 12191999"/>
              <a:gd name="connsiteY173" fmla="*/ 819330 h 6858000"/>
              <a:gd name="connsiteX174" fmla="*/ 11793864 w 12191999"/>
              <a:gd name="connsiteY174" fmla="*/ 819330 h 6858000"/>
              <a:gd name="connsiteX175" fmla="*/ 11796303 w 12191999"/>
              <a:gd name="connsiteY175" fmla="*/ 817409 h 6858000"/>
              <a:gd name="connsiteX176" fmla="*/ 11796303 w 12191999"/>
              <a:gd name="connsiteY176" fmla="*/ 726473 h 6858000"/>
              <a:gd name="connsiteX177" fmla="*/ 11793864 w 12191999"/>
              <a:gd name="connsiteY177" fmla="*/ 724552 h 6858000"/>
              <a:gd name="connsiteX178" fmla="*/ 11786797 w 12191999"/>
              <a:gd name="connsiteY178" fmla="*/ 724552 h 6858000"/>
              <a:gd name="connsiteX179" fmla="*/ 11712617 w 12191999"/>
              <a:gd name="connsiteY179" fmla="*/ 723776 h 6858000"/>
              <a:gd name="connsiteX180" fmla="*/ 11705237 w 12191999"/>
              <a:gd name="connsiteY180" fmla="*/ 730940 h 6858000"/>
              <a:gd name="connsiteX181" fmla="*/ 11712358 w 12191999"/>
              <a:gd name="connsiteY181" fmla="*/ 737975 h 6858000"/>
              <a:gd name="connsiteX182" fmla="*/ 11719609 w 12191999"/>
              <a:gd name="connsiteY182" fmla="*/ 730433 h 6858000"/>
              <a:gd name="connsiteX183" fmla="*/ 11712617 w 12191999"/>
              <a:gd name="connsiteY183" fmla="*/ 723776 h 6858000"/>
              <a:gd name="connsiteX184" fmla="*/ 11855021 w 12191999"/>
              <a:gd name="connsiteY184" fmla="*/ 713601 h 6858000"/>
              <a:gd name="connsiteX185" fmla="*/ 11855284 w 12191999"/>
              <a:gd name="connsiteY185" fmla="*/ 713794 h 6858000"/>
              <a:gd name="connsiteX186" fmla="*/ 11855021 w 12191999"/>
              <a:gd name="connsiteY186" fmla="*/ 713860 h 6858000"/>
              <a:gd name="connsiteX187" fmla="*/ 11855021 w 12191999"/>
              <a:gd name="connsiteY187" fmla="*/ 713601 h 6858000"/>
              <a:gd name="connsiteX188" fmla="*/ 11847209 w 12191999"/>
              <a:gd name="connsiteY188" fmla="*/ 704235 h 6858000"/>
              <a:gd name="connsiteX189" fmla="*/ 11851428 w 12191999"/>
              <a:gd name="connsiteY189" fmla="*/ 704235 h 6858000"/>
              <a:gd name="connsiteX190" fmla="*/ 11857190 w 12191999"/>
              <a:gd name="connsiteY190" fmla="*/ 707699 h 6858000"/>
              <a:gd name="connsiteX191" fmla="*/ 11851817 w 12191999"/>
              <a:gd name="connsiteY191" fmla="*/ 711162 h 6858000"/>
              <a:gd name="connsiteX192" fmla="*/ 11847209 w 12191999"/>
              <a:gd name="connsiteY192" fmla="*/ 711162 h 6858000"/>
              <a:gd name="connsiteX193" fmla="*/ 11843627 w 12191999"/>
              <a:gd name="connsiteY193" fmla="*/ 701020 h 6858000"/>
              <a:gd name="connsiteX194" fmla="*/ 11843627 w 12191999"/>
              <a:gd name="connsiteY194" fmla="*/ 724250 h 6858000"/>
              <a:gd name="connsiteX195" fmla="*/ 11847468 w 12191999"/>
              <a:gd name="connsiteY195" fmla="*/ 724250 h 6858000"/>
              <a:gd name="connsiteX196" fmla="*/ 11847468 w 12191999"/>
              <a:gd name="connsiteY196" fmla="*/ 714367 h 6858000"/>
              <a:gd name="connsiteX197" fmla="*/ 11849648 w 12191999"/>
              <a:gd name="connsiteY197" fmla="*/ 714367 h 6858000"/>
              <a:gd name="connsiteX198" fmla="*/ 11856553 w 12191999"/>
              <a:gd name="connsiteY198" fmla="*/ 720528 h 6858000"/>
              <a:gd name="connsiteX199" fmla="*/ 11858603 w 12191999"/>
              <a:gd name="connsiteY199" fmla="*/ 724121 h 6858000"/>
              <a:gd name="connsiteX200" fmla="*/ 11863081 w 12191999"/>
              <a:gd name="connsiteY200" fmla="*/ 724121 h 6858000"/>
              <a:gd name="connsiteX201" fmla="*/ 11860265 w 12191999"/>
              <a:gd name="connsiteY201" fmla="*/ 719503 h 6858000"/>
              <a:gd name="connsiteX202" fmla="*/ 11857064 w 12191999"/>
              <a:gd name="connsiteY202" fmla="*/ 715107 h 6858000"/>
              <a:gd name="connsiteX203" fmla="*/ 11855284 w 12191999"/>
              <a:gd name="connsiteY203" fmla="*/ 713794 h 6858000"/>
              <a:gd name="connsiteX204" fmla="*/ 11858039 w 12191999"/>
              <a:gd name="connsiteY204" fmla="*/ 713107 h 6858000"/>
              <a:gd name="connsiteX205" fmla="*/ 11861549 w 12191999"/>
              <a:gd name="connsiteY205" fmla="*/ 707310 h 6858000"/>
              <a:gd name="connsiteX206" fmla="*/ 11859370 w 12191999"/>
              <a:gd name="connsiteY206" fmla="*/ 702822 h 6858000"/>
              <a:gd name="connsiteX207" fmla="*/ 11851817 w 12191999"/>
              <a:gd name="connsiteY207" fmla="*/ 701020 h 6858000"/>
              <a:gd name="connsiteX208" fmla="*/ 11843627 w 12191999"/>
              <a:gd name="connsiteY208" fmla="*/ 701020 h 6858000"/>
              <a:gd name="connsiteX209" fmla="*/ 11852712 w 12191999"/>
              <a:gd name="connsiteY209" fmla="*/ 694611 h 6858000"/>
              <a:gd name="connsiteX210" fmla="*/ 11870623 w 12191999"/>
              <a:gd name="connsiteY210" fmla="*/ 712446 h 6858000"/>
              <a:gd name="connsiteX211" fmla="*/ 11852712 w 12191999"/>
              <a:gd name="connsiteY211" fmla="*/ 730541 h 6858000"/>
              <a:gd name="connsiteX212" fmla="*/ 11834931 w 12191999"/>
              <a:gd name="connsiteY212" fmla="*/ 712446 h 6858000"/>
              <a:gd name="connsiteX213" fmla="*/ 11852712 w 12191999"/>
              <a:gd name="connsiteY213" fmla="*/ 694611 h 6858000"/>
              <a:gd name="connsiteX214" fmla="*/ 11852712 w 12191999"/>
              <a:gd name="connsiteY214" fmla="*/ 690888 h 6858000"/>
              <a:gd name="connsiteX215" fmla="*/ 11831348 w 12191999"/>
              <a:gd name="connsiteY215" fmla="*/ 712446 h 6858000"/>
              <a:gd name="connsiteX216" fmla="*/ 11852712 w 12191999"/>
              <a:gd name="connsiteY216" fmla="*/ 734004 h 6858000"/>
              <a:gd name="connsiteX217" fmla="*/ 11874076 w 12191999"/>
              <a:gd name="connsiteY217" fmla="*/ 712446 h 6858000"/>
              <a:gd name="connsiteX218" fmla="*/ 11852712 w 12191999"/>
              <a:gd name="connsiteY218" fmla="*/ 690888 h 6858000"/>
              <a:gd name="connsiteX219" fmla="*/ 11639380 w 12191999"/>
              <a:gd name="connsiteY219" fmla="*/ 551044 h 6858000"/>
              <a:gd name="connsiteX220" fmla="*/ 11641189 w 12191999"/>
              <a:gd name="connsiteY220" fmla="*/ 551862 h 6858000"/>
              <a:gd name="connsiteX221" fmla="*/ 11644652 w 12191999"/>
              <a:gd name="connsiteY221" fmla="*/ 634274 h 6858000"/>
              <a:gd name="connsiteX222" fmla="*/ 11640682 w 12191999"/>
              <a:gd name="connsiteY222" fmla="*/ 633508 h 6858000"/>
              <a:gd name="connsiteX223" fmla="*/ 11634273 w 12191999"/>
              <a:gd name="connsiteY223" fmla="*/ 599671 h 6858000"/>
              <a:gd name="connsiteX224" fmla="*/ 11638243 w 12191999"/>
              <a:gd name="connsiteY224" fmla="*/ 552250 h 6858000"/>
              <a:gd name="connsiteX225" fmla="*/ 11639380 w 12191999"/>
              <a:gd name="connsiteY225" fmla="*/ 551044 h 6858000"/>
              <a:gd name="connsiteX226" fmla="*/ 11490639 w 12191999"/>
              <a:gd name="connsiteY226" fmla="*/ 502002 h 6858000"/>
              <a:gd name="connsiteX227" fmla="*/ 11550015 w 12191999"/>
              <a:gd name="connsiteY227" fmla="*/ 504052 h 6858000"/>
              <a:gd name="connsiteX228" fmla="*/ 11548343 w 12191999"/>
              <a:gd name="connsiteY228" fmla="*/ 536605 h 6858000"/>
              <a:gd name="connsiteX229" fmla="*/ 11499486 w 12191999"/>
              <a:gd name="connsiteY229" fmla="*/ 541094 h 6858000"/>
              <a:gd name="connsiteX230" fmla="*/ 11492948 w 12191999"/>
              <a:gd name="connsiteY230" fmla="*/ 533659 h 6858000"/>
              <a:gd name="connsiteX231" fmla="*/ 11490639 w 12191999"/>
              <a:gd name="connsiteY231" fmla="*/ 502002 h 6858000"/>
              <a:gd name="connsiteX232" fmla="*/ 11594253 w 12191999"/>
              <a:gd name="connsiteY232" fmla="*/ 498797 h 6858000"/>
              <a:gd name="connsiteX233" fmla="*/ 11598612 w 12191999"/>
              <a:gd name="connsiteY233" fmla="*/ 520075 h 6858000"/>
              <a:gd name="connsiteX234" fmla="*/ 11588351 w 12191999"/>
              <a:gd name="connsiteY234" fmla="*/ 527509 h 6858000"/>
              <a:gd name="connsiteX235" fmla="*/ 11580011 w 12191999"/>
              <a:gd name="connsiteY235" fmla="*/ 500718 h 6858000"/>
              <a:gd name="connsiteX236" fmla="*/ 11594253 w 12191999"/>
              <a:gd name="connsiteY236" fmla="*/ 498797 h 6858000"/>
              <a:gd name="connsiteX237" fmla="*/ 11441405 w 12191999"/>
              <a:gd name="connsiteY237" fmla="*/ 491374 h 6858000"/>
              <a:gd name="connsiteX238" fmla="*/ 11460384 w 12191999"/>
              <a:gd name="connsiteY238" fmla="*/ 496499 h 6858000"/>
              <a:gd name="connsiteX239" fmla="*/ 11442948 w 12191999"/>
              <a:gd name="connsiteY239" fmla="*/ 533670 h 6858000"/>
              <a:gd name="connsiteX240" fmla="*/ 11434607 w 12191999"/>
              <a:gd name="connsiteY240" fmla="*/ 527132 h 6858000"/>
              <a:gd name="connsiteX241" fmla="*/ 11441405 w 12191999"/>
              <a:gd name="connsiteY241" fmla="*/ 491374 h 6858000"/>
              <a:gd name="connsiteX242" fmla="*/ 11419441 w 12191999"/>
              <a:gd name="connsiteY242" fmla="*/ 484343 h 6858000"/>
              <a:gd name="connsiteX243" fmla="*/ 11431543 w 12191999"/>
              <a:gd name="connsiteY243" fmla="*/ 488299 h 6858000"/>
              <a:gd name="connsiteX244" fmla="*/ 11423202 w 12191999"/>
              <a:gd name="connsiteY244" fmla="*/ 532257 h 6858000"/>
              <a:gd name="connsiteX245" fmla="*/ 11444102 w 12191999"/>
              <a:gd name="connsiteY245" fmla="*/ 543154 h 6858000"/>
              <a:gd name="connsiteX246" fmla="*/ 11469620 w 12191999"/>
              <a:gd name="connsiteY246" fmla="*/ 498549 h 6858000"/>
              <a:gd name="connsiteX247" fmla="*/ 11481672 w 12191999"/>
              <a:gd name="connsiteY247" fmla="*/ 500729 h 6858000"/>
              <a:gd name="connsiteX248" fmla="*/ 11485395 w 12191999"/>
              <a:gd name="connsiteY248" fmla="*/ 542507 h 6858000"/>
              <a:gd name="connsiteX249" fmla="*/ 11498472 w 12191999"/>
              <a:gd name="connsiteY249" fmla="*/ 550707 h 6858000"/>
              <a:gd name="connsiteX250" fmla="*/ 11555917 w 12191999"/>
              <a:gd name="connsiteY250" fmla="*/ 543532 h 6858000"/>
              <a:gd name="connsiteX251" fmla="*/ 11559122 w 12191999"/>
              <a:gd name="connsiteY251" fmla="*/ 503286 h 6858000"/>
              <a:gd name="connsiteX252" fmla="*/ 11570149 w 12191999"/>
              <a:gd name="connsiteY252" fmla="*/ 502002 h 6858000"/>
              <a:gd name="connsiteX253" fmla="*/ 11579385 w 12191999"/>
              <a:gd name="connsiteY253" fmla="*/ 528405 h 6858000"/>
              <a:gd name="connsiteX254" fmla="*/ 11598752 w 12191999"/>
              <a:gd name="connsiteY254" fmla="*/ 531739 h 6858000"/>
              <a:gd name="connsiteX255" fmla="*/ 11602723 w 12191999"/>
              <a:gd name="connsiteY255" fmla="*/ 497773 h 6858000"/>
              <a:gd name="connsiteX256" fmla="*/ 11625673 w 12191999"/>
              <a:gd name="connsiteY256" fmla="*/ 533282 h 6858000"/>
              <a:gd name="connsiteX257" fmla="*/ 11612855 w 12191999"/>
              <a:gd name="connsiteY257" fmla="*/ 586216 h 6858000"/>
              <a:gd name="connsiteX258" fmla="*/ 11537326 w 12191999"/>
              <a:gd name="connsiteY258" fmla="*/ 569428 h 6858000"/>
              <a:gd name="connsiteX259" fmla="*/ 11459488 w 12191999"/>
              <a:gd name="connsiteY259" fmla="*/ 611465 h 6858000"/>
              <a:gd name="connsiteX260" fmla="*/ 11456154 w 12191999"/>
              <a:gd name="connsiteY260" fmla="*/ 612360 h 6858000"/>
              <a:gd name="connsiteX261" fmla="*/ 11418325 w 12191999"/>
              <a:gd name="connsiteY261" fmla="*/ 585191 h 6858000"/>
              <a:gd name="connsiteX262" fmla="*/ 11388707 w 12191999"/>
              <a:gd name="connsiteY262" fmla="*/ 549434 h 6858000"/>
              <a:gd name="connsiteX263" fmla="*/ 11414743 w 12191999"/>
              <a:gd name="connsiteY263" fmla="*/ 487403 h 6858000"/>
              <a:gd name="connsiteX264" fmla="*/ 11419441 w 12191999"/>
              <a:gd name="connsiteY264" fmla="*/ 484343 h 6858000"/>
              <a:gd name="connsiteX265" fmla="*/ 11358173 w 12191999"/>
              <a:gd name="connsiteY265" fmla="*/ 469801 h 6858000"/>
              <a:gd name="connsiteX266" fmla="*/ 11346260 w 12191999"/>
              <a:gd name="connsiteY266" fmla="*/ 478275 h 6858000"/>
              <a:gd name="connsiteX267" fmla="*/ 11361744 w 12191999"/>
              <a:gd name="connsiteY267" fmla="*/ 470744 h 6858000"/>
              <a:gd name="connsiteX268" fmla="*/ 11358173 w 12191999"/>
              <a:gd name="connsiteY268" fmla="*/ 469801 h 6858000"/>
              <a:gd name="connsiteX269" fmla="*/ 11354455 w 12191999"/>
              <a:gd name="connsiteY269" fmla="*/ 453696 h 6858000"/>
              <a:gd name="connsiteX270" fmla="*/ 11379471 w 12191999"/>
              <a:gd name="connsiteY270" fmla="*/ 464453 h 6858000"/>
              <a:gd name="connsiteX271" fmla="*/ 11401267 w 12191999"/>
              <a:gd name="connsiteY271" fmla="*/ 487522 h 6858000"/>
              <a:gd name="connsiteX272" fmla="*/ 11376515 w 12191999"/>
              <a:gd name="connsiteY272" fmla="*/ 541611 h 6858000"/>
              <a:gd name="connsiteX273" fmla="*/ 11357665 w 12191999"/>
              <a:gd name="connsiteY273" fmla="*/ 511745 h 6858000"/>
              <a:gd name="connsiteX274" fmla="*/ 11330734 w 12191999"/>
              <a:gd name="connsiteY274" fmla="*/ 504052 h 6858000"/>
              <a:gd name="connsiteX275" fmla="*/ 11328166 w 12191999"/>
              <a:gd name="connsiteY275" fmla="*/ 491881 h 6858000"/>
              <a:gd name="connsiteX276" fmla="*/ 11335600 w 12191999"/>
              <a:gd name="connsiteY276" fmla="*/ 481879 h 6858000"/>
              <a:gd name="connsiteX277" fmla="*/ 11338297 w 12191999"/>
              <a:gd name="connsiteY277" fmla="*/ 470604 h 6858000"/>
              <a:gd name="connsiteX278" fmla="*/ 11349972 w 12191999"/>
              <a:gd name="connsiteY278" fmla="*/ 456124 h 6858000"/>
              <a:gd name="connsiteX279" fmla="*/ 11354455 w 12191999"/>
              <a:gd name="connsiteY279" fmla="*/ 453696 h 6858000"/>
              <a:gd name="connsiteX280" fmla="*/ 11324025 w 12191999"/>
              <a:gd name="connsiteY280" fmla="*/ 392924 h 6858000"/>
              <a:gd name="connsiteX281" fmla="*/ 11322134 w 12191999"/>
              <a:gd name="connsiteY281" fmla="*/ 400006 h 6858000"/>
              <a:gd name="connsiteX282" fmla="*/ 11335988 w 12191999"/>
              <a:gd name="connsiteY282" fmla="*/ 441536 h 6858000"/>
              <a:gd name="connsiteX283" fmla="*/ 11339193 w 12191999"/>
              <a:gd name="connsiteY283" fmla="*/ 451786 h 6858000"/>
              <a:gd name="connsiteX284" fmla="*/ 11328425 w 12191999"/>
              <a:gd name="connsiteY284" fmla="*/ 467162 h 6858000"/>
              <a:gd name="connsiteX285" fmla="*/ 11327270 w 12191999"/>
              <a:gd name="connsiteY285" fmla="*/ 474855 h 6858000"/>
              <a:gd name="connsiteX286" fmla="*/ 11315477 w 12191999"/>
              <a:gd name="connsiteY286" fmla="*/ 490748 h 6858000"/>
              <a:gd name="connsiteX287" fmla="*/ 11317268 w 12191999"/>
              <a:gd name="connsiteY287" fmla="*/ 503696 h 6858000"/>
              <a:gd name="connsiteX288" fmla="*/ 11327788 w 12191999"/>
              <a:gd name="connsiteY288" fmla="*/ 514594 h 6858000"/>
              <a:gd name="connsiteX289" fmla="*/ 11341890 w 12191999"/>
              <a:gd name="connsiteY289" fmla="*/ 516137 h 6858000"/>
              <a:gd name="connsiteX290" fmla="*/ 11358561 w 12191999"/>
              <a:gd name="connsiteY290" fmla="*/ 529214 h 6858000"/>
              <a:gd name="connsiteX291" fmla="*/ 11388308 w 12191999"/>
              <a:gd name="connsiteY291" fmla="*/ 580476 h 6858000"/>
              <a:gd name="connsiteX292" fmla="*/ 11394717 w 12191999"/>
              <a:gd name="connsiteY292" fmla="*/ 606490 h 6858000"/>
              <a:gd name="connsiteX293" fmla="*/ 11360611 w 12191999"/>
              <a:gd name="connsiteY293" fmla="*/ 709026 h 6858000"/>
              <a:gd name="connsiteX294" fmla="*/ 11362402 w 12191999"/>
              <a:gd name="connsiteY294" fmla="*/ 719406 h 6858000"/>
              <a:gd name="connsiteX295" fmla="*/ 11388567 w 12191999"/>
              <a:gd name="connsiteY295" fmla="*/ 719406 h 6858000"/>
              <a:gd name="connsiteX296" fmla="*/ 11394210 w 12191999"/>
              <a:gd name="connsiteY296" fmla="*/ 711972 h 6858000"/>
              <a:gd name="connsiteX297" fmla="*/ 11429094 w 12191999"/>
              <a:gd name="connsiteY297" fmla="*/ 608411 h 6858000"/>
              <a:gd name="connsiteX298" fmla="*/ 11464484 w 12191999"/>
              <a:gd name="connsiteY298" fmla="*/ 709921 h 6858000"/>
              <a:gd name="connsiteX299" fmla="*/ 11468207 w 12191999"/>
              <a:gd name="connsiteY299" fmla="*/ 719665 h 6858000"/>
              <a:gd name="connsiteX300" fmla="*/ 11490650 w 12191999"/>
              <a:gd name="connsiteY300" fmla="*/ 719665 h 6858000"/>
              <a:gd name="connsiteX301" fmla="*/ 11497954 w 12191999"/>
              <a:gd name="connsiteY301" fmla="*/ 713126 h 6858000"/>
              <a:gd name="connsiteX302" fmla="*/ 11473979 w 12191999"/>
              <a:gd name="connsiteY302" fmla="*/ 619309 h 6858000"/>
              <a:gd name="connsiteX303" fmla="*/ 11535276 w 12191999"/>
              <a:gd name="connsiteY303" fmla="*/ 595345 h 6858000"/>
              <a:gd name="connsiteX304" fmla="*/ 11569383 w 12191999"/>
              <a:gd name="connsiteY304" fmla="*/ 622136 h 6858000"/>
              <a:gd name="connsiteX305" fmla="*/ 11512315 w 12191999"/>
              <a:gd name="connsiteY305" fmla="*/ 709932 h 6858000"/>
              <a:gd name="connsiteX306" fmla="*/ 11514624 w 12191999"/>
              <a:gd name="connsiteY306" fmla="*/ 719417 h 6858000"/>
              <a:gd name="connsiteX307" fmla="*/ 11538351 w 12191999"/>
              <a:gd name="connsiteY307" fmla="*/ 719417 h 6858000"/>
              <a:gd name="connsiteX308" fmla="*/ 11547069 w 12191999"/>
              <a:gd name="connsiteY308" fmla="*/ 713903 h 6858000"/>
              <a:gd name="connsiteX309" fmla="*/ 11598623 w 12191999"/>
              <a:gd name="connsiteY309" fmla="*/ 630983 h 6858000"/>
              <a:gd name="connsiteX310" fmla="*/ 11608496 w 12191999"/>
              <a:gd name="connsiteY310" fmla="*/ 600869 h 6858000"/>
              <a:gd name="connsiteX311" fmla="*/ 11599130 w 12191999"/>
              <a:gd name="connsiteY311" fmla="*/ 710062 h 6858000"/>
              <a:gd name="connsiteX312" fmla="*/ 11601439 w 12191999"/>
              <a:gd name="connsiteY312" fmla="*/ 719287 h 6858000"/>
              <a:gd name="connsiteX313" fmla="*/ 11622857 w 12191999"/>
              <a:gd name="connsiteY313" fmla="*/ 719287 h 6858000"/>
              <a:gd name="connsiteX314" fmla="*/ 11629525 w 12191999"/>
              <a:gd name="connsiteY314" fmla="*/ 711087 h 6858000"/>
              <a:gd name="connsiteX315" fmla="*/ 11634650 w 12191999"/>
              <a:gd name="connsiteY315" fmla="*/ 693014 h 6858000"/>
              <a:gd name="connsiteX316" fmla="*/ 11654018 w 12191999"/>
              <a:gd name="connsiteY316" fmla="*/ 688018 h 6858000"/>
              <a:gd name="connsiteX317" fmla="*/ 11659024 w 12191999"/>
              <a:gd name="connsiteY317" fmla="*/ 680584 h 6858000"/>
              <a:gd name="connsiteX318" fmla="*/ 11654654 w 12191999"/>
              <a:gd name="connsiteY318" fmla="*/ 520852 h 6858000"/>
              <a:gd name="connsiteX319" fmla="*/ 11603360 w 12191999"/>
              <a:gd name="connsiteY319" fmla="*/ 487533 h 6858000"/>
              <a:gd name="connsiteX320" fmla="*/ 11526547 w 12191999"/>
              <a:gd name="connsiteY320" fmla="*/ 493424 h 6858000"/>
              <a:gd name="connsiteX321" fmla="*/ 11402033 w 12191999"/>
              <a:gd name="connsiteY321" fmla="*/ 464842 h 6858000"/>
              <a:gd name="connsiteX322" fmla="*/ 11401644 w 12191999"/>
              <a:gd name="connsiteY322" fmla="*/ 459199 h 6858000"/>
              <a:gd name="connsiteX323" fmla="*/ 11433960 w 12191999"/>
              <a:gd name="connsiteY323" fmla="*/ 433314 h 6858000"/>
              <a:gd name="connsiteX324" fmla="*/ 11431392 w 12191999"/>
              <a:gd name="connsiteY324" fmla="*/ 426398 h 6858000"/>
              <a:gd name="connsiteX325" fmla="*/ 11365995 w 12191999"/>
              <a:gd name="connsiteY325" fmla="*/ 438191 h 6858000"/>
              <a:gd name="connsiteX326" fmla="*/ 11327648 w 12191999"/>
              <a:gd name="connsiteY326" fmla="*/ 397567 h 6858000"/>
              <a:gd name="connsiteX327" fmla="*/ 11324025 w 12191999"/>
              <a:gd name="connsiteY327" fmla="*/ 392924 h 6858000"/>
              <a:gd name="connsiteX328" fmla="*/ 11391491 w 12191999"/>
              <a:gd name="connsiteY328" fmla="*/ 334037 h 6858000"/>
              <a:gd name="connsiteX329" fmla="*/ 11426364 w 12191999"/>
              <a:gd name="connsiteY329" fmla="*/ 368996 h 6858000"/>
              <a:gd name="connsiteX330" fmla="*/ 11391491 w 12191999"/>
              <a:gd name="connsiteY330" fmla="*/ 403955 h 6858000"/>
              <a:gd name="connsiteX331" fmla="*/ 11356360 w 12191999"/>
              <a:gd name="connsiteY331" fmla="*/ 368996 h 6858000"/>
              <a:gd name="connsiteX332" fmla="*/ 11391491 w 12191999"/>
              <a:gd name="connsiteY332" fmla="*/ 334037 h 6858000"/>
              <a:gd name="connsiteX333" fmla="*/ 11389959 w 12191999"/>
              <a:gd name="connsiteY333" fmla="*/ 321618 h 6858000"/>
              <a:gd name="connsiteX334" fmla="*/ 11337262 w 12191999"/>
              <a:gd name="connsiteY334" fmla="*/ 374510 h 6858000"/>
              <a:gd name="connsiteX335" fmla="*/ 11389959 w 12191999"/>
              <a:gd name="connsiteY335" fmla="*/ 427401 h 6858000"/>
              <a:gd name="connsiteX336" fmla="*/ 11442656 w 12191999"/>
              <a:gd name="connsiteY336" fmla="*/ 374510 h 6858000"/>
              <a:gd name="connsiteX337" fmla="*/ 11389959 w 12191999"/>
              <a:gd name="connsiteY337" fmla="*/ 321618 h 6858000"/>
              <a:gd name="connsiteX338" fmla="*/ 0 w 12191999"/>
              <a:gd name="connsiteY338" fmla="*/ 0 h 6858000"/>
              <a:gd name="connsiteX339" fmla="*/ 12191999 w 12191999"/>
              <a:gd name="connsiteY339" fmla="*/ 0 h 6858000"/>
              <a:gd name="connsiteX340" fmla="*/ 12191999 w 12191999"/>
              <a:gd name="connsiteY340" fmla="*/ 6858000 h 6858000"/>
              <a:gd name="connsiteX341" fmla="*/ 0 w 12191999"/>
              <a:gd name="connsiteY34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</a:cxnLst>
            <a:rect l="l" t="t" r="r" b="b"/>
            <a:pathLst>
              <a:path w="12191999" h="6858000">
                <a:moveTo>
                  <a:pt x="11666200" y="756760"/>
                </a:moveTo>
                <a:cubicBezTo>
                  <a:pt x="11673094" y="756760"/>
                  <a:pt x="11676288" y="758940"/>
                  <a:pt x="11678975" y="761119"/>
                </a:cubicBezTo>
                <a:cubicBezTo>
                  <a:pt x="11678975" y="808195"/>
                  <a:pt x="11678975" y="808195"/>
                  <a:pt x="11678975" y="808195"/>
                </a:cubicBezTo>
                <a:lnTo>
                  <a:pt x="11678845" y="808195"/>
                </a:lnTo>
                <a:cubicBezTo>
                  <a:pt x="11678845" y="811658"/>
                  <a:pt x="11673094" y="813579"/>
                  <a:pt x="11667095" y="813579"/>
                </a:cubicBezTo>
                <a:cubicBezTo>
                  <a:pt x="11654191" y="813579"/>
                  <a:pt x="11644998" y="802671"/>
                  <a:pt x="11644998" y="784080"/>
                </a:cubicBezTo>
                <a:cubicBezTo>
                  <a:pt x="11644998" y="767658"/>
                  <a:pt x="11653942" y="756760"/>
                  <a:pt x="11666200" y="756760"/>
                </a:cubicBezTo>
                <a:close/>
                <a:moveTo>
                  <a:pt x="11553608" y="755951"/>
                </a:moveTo>
                <a:cubicBezTo>
                  <a:pt x="11558334" y="755951"/>
                  <a:pt x="11561787" y="756976"/>
                  <a:pt x="11565369" y="760439"/>
                </a:cubicBezTo>
                <a:cubicBezTo>
                  <a:pt x="11569210" y="764032"/>
                  <a:pt x="11571638" y="771995"/>
                  <a:pt x="11571638" y="784954"/>
                </a:cubicBezTo>
                <a:cubicBezTo>
                  <a:pt x="11571638" y="797535"/>
                  <a:pt x="11569210" y="805746"/>
                  <a:pt x="11565369" y="809339"/>
                </a:cubicBezTo>
                <a:cubicBezTo>
                  <a:pt x="11561787" y="812802"/>
                  <a:pt x="11558334" y="813698"/>
                  <a:pt x="11553608" y="813698"/>
                </a:cubicBezTo>
                <a:cubicBezTo>
                  <a:pt x="11548882" y="813698"/>
                  <a:pt x="11545677" y="812802"/>
                  <a:pt x="11542106" y="809339"/>
                </a:cubicBezTo>
                <a:cubicBezTo>
                  <a:pt x="11538394" y="805746"/>
                  <a:pt x="11535837" y="797783"/>
                  <a:pt x="11535837" y="784954"/>
                </a:cubicBezTo>
                <a:cubicBezTo>
                  <a:pt x="11535837" y="772243"/>
                  <a:pt x="11538394" y="764032"/>
                  <a:pt x="11542106" y="760439"/>
                </a:cubicBezTo>
                <a:cubicBezTo>
                  <a:pt x="11545688" y="756976"/>
                  <a:pt x="11549141" y="755951"/>
                  <a:pt x="11553608" y="755951"/>
                </a:cubicBezTo>
                <a:close/>
                <a:moveTo>
                  <a:pt x="11389948" y="755951"/>
                </a:moveTo>
                <a:cubicBezTo>
                  <a:pt x="11394707" y="755951"/>
                  <a:pt x="11397911" y="756976"/>
                  <a:pt x="11401504" y="760439"/>
                </a:cubicBezTo>
                <a:cubicBezTo>
                  <a:pt x="11405356" y="764032"/>
                  <a:pt x="11407795" y="771995"/>
                  <a:pt x="11407795" y="784954"/>
                </a:cubicBezTo>
                <a:cubicBezTo>
                  <a:pt x="11407795" y="797535"/>
                  <a:pt x="11405356" y="805746"/>
                  <a:pt x="11401504" y="809339"/>
                </a:cubicBezTo>
                <a:cubicBezTo>
                  <a:pt x="11397911" y="812802"/>
                  <a:pt x="11394448" y="813698"/>
                  <a:pt x="11389948" y="813698"/>
                </a:cubicBezTo>
                <a:cubicBezTo>
                  <a:pt x="11385201" y="813698"/>
                  <a:pt x="11381985" y="812802"/>
                  <a:pt x="11378133" y="809339"/>
                </a:cubicBezTo>
                <a:cubicBezTo>
                  <a:pt x="11374411" y="805746"/>
                  <a:pt x="11371843" y="797783"/>
                  <a:pt x="11371843" y="784954"/>
                </a:cubicBezTo>
                <a:cubicBezTo>
                  <a:pt x="11371843" y="772243"/>
                  <a:pt x="11374411" y="764032"/>
                  <a:pt x="11378133" y="760439"/>
                </a:cubicBezTo>
                <a:cubicBezTo>
                  <a:pt x="11381726" y="756976"/>
                  <a:pt x="11385190" y="755951"/>
                  <a:pt x="11389948" y="755951"/>
                </a:cubicBezTo>
                <a:close/>
                <a:moveTo>
                  <a:pt x="11267462" y="755951"/>
                </a:moveTo>
                <a:cubicBezTo>
                  <a:pt x="11272210" y="755951"/>
                  <a:pt x="11275425" y="756976"/>
                  <a:pt x="11279148" y="760439"/>
                </a:cubicBezTo>
                <a:cubicBezTo>
                  <a:pt x="11282881" y="764032"/>
                  <a:pt x="11285438" y="771995"/>
                  <a:pt x="11285438" y="784954"/>
                </a:cubicBezTo>
                <a:cubicBezTo>
                  <a:pt x="11285438" y="797535"/>
                  <a:pt x="11283000" y="805746"/>
                  <a:pt x="11279148" y="809339"/>
                </a:cubicBezTo>
                <a:cubicBezTo>
                  <a:pt x="11275555" y="812802"/>
                  <a:pt x="11272210" y="813698"/>
                  <a:pt x="11267462" y="813698"/>
                </a:cubicBezTo>
                <a:cubicBezTo>
                  <a:pt x="11262715" y="813698"/>
                  <a:pt x="11259499" y="812802"/>
                  <a:pt x="11255907" y="809339"/>
                </a:cubicBezTo>
                <a:cubicBezTo>
                  <a:pt x="11252054" y="805746"/>
                  <a:pt x="11249616" y="797783"/>
                  <a:pt x="11249616" y="784954"/>
                </a:cubicBezTo>
                <a:cubicBezTo>
                  <a:pt x="11249616" y="772243"/>
                  <a:pt x="11252054" y="764032"/>
                  <a:pt x="11255907" y="760439"/>
                </a:cubicBezTo>
                <a:cubicBezTo>
                  <a:pt x="11259499" y="756976"/>
                  <a:pt x="11262844" y="755951"/>
                  <a:pt x="11267462" y="755951"/>
                </a:cubicBezTo>
                <a:close/>
                <a:moveTo>
                  <a:pt x="11708668" y="750005"/>
                </a:moveTo>
                <a:cubicBezTo>
                  <a:pt x="11706381" y="750005"/>
                  <a:pt x="11706381" y="750772"/>
                  <a:pt x="11706381" y="752433"/>
                </a:cubicBezTo>
                <a:cubicBezTo>
                  <a:pt x="11706381" y="817032"/>
                  <a:pt x="11706381" y="817032"/>
                  <a:pt x="11706381" y="817032"/>
                </a:cubicBezTo>
                <a:cubicBezTo>
                  <a:pt x="11706381" y="818952"/>
                  <a:pt x="11706381" y="819459"/>
                  <a:pt x="11708420" y="819459"/>
                </a:cubicBezTo>
                <a:cubicBezTo>
                  <a:pt x="11715671" y="819459"/>
                  <a:pt x="11715671" y="819459"/>
                  <a:pt x="11715671" y="819459"/>
                </a:cubicBezTo>
                <a:cubicBezTo>
                  <a:pt x="11717699" y="819330"/>
                  <a:pt x="11718206" y="819330"/>
                  <a:pt x="11718206" y="817032"/>
                </a:cubicBezTo>
                <a:cubicBezTo>
                  <a:pt x="11718206" y="752433"/>
                  <a:pt x="11718206" y="752433"/>
                  <a:pt x="11718206" y="752433"/>
                </a:cubicBezTo>
                <a:cubicBezTo>
                  <a:pt x="11718206" y="750383"/>
                  <a:pt x="11717699" y="750005"/>
                  <a:pt x="11715660" y="750005"/>
                </a:cubicBezTo>
                <a:cubicBezTo>
                  <a:pt x="11708668" y="750005"/>
                  <a:pt x="11708668" y="750005"/>
                  <a:pt x="11708668" y="750005"/>
                </a:cubicBezTo>
                <a:close/>
                <a:moveTo>
                  <a:pt x="11826514" y="749671"/>
                </a:moveTo>
                <a:cubicBezTo>
                  <a:pt x="11824076" y="749671"/>
                  <a:pt x="11823170" y="749542"/>
                  <a:pt x="11822404" y="751851"/>
                </a:cubicBezTo>
                <a:cubicBezTo>
                  <a:pt x="11818552" y="763374"/>
                  <a:pt x="11808647" y="775804"/>
                  <a:pt x="11798623" y="781695"/>
                </a:cubicBezTo>
                <a:cubicBezTo>
                  <a:pt x="11798234" y="782084"/>
                  <a:pt x="11798105" y="782461"/>
                  <a:pt x="11798105" y="782461"/>
                </a:cubicBezTo>
                <a:cubicBezTo>
                  <a:pt x="11798105" y="782591"/>
                  <a:pt x="11798234" y="782968"/>
                  <a:pt x="11798234" y="783227"/>
                </a:cubicBezTo>
                <a:cubicBezTo>
                  <a:pt x="11822145" y="817420"/>
                  <a:pt x="11822145" y="817420"/>
                  <a:pt x="11822145" y="817420"/>
                </a:cubicBezTo>
                <a:cubicBezTo>
                  <a:pt x="11823558" y="819470"/>
                  <a:pt x="11824076" y="819470"/>
                  <a:pt x="11826126" y="819470"/>
                </a:cubicBezTo>
                <a:cubicBezTo>
                  <a:pt x="11835254" y="819470"/>
                  <a:pt x="11835254" y="819470"/>
                  <a:pt x="11835254" y="819470"/>
                </a:cubicBezTo>
                <a:cubicBezTo>
                  <a:pt x="11835891" y="819330"/>
                  <a:pt x="11837175" y="819330"/>
                  <a:pt x="11837175" y="817798"/>
                </a:cubicBezTo>
                <a:cubicBezTo>
                  <a:pt x="11837175" y="817291"/>
                  <a:pt x="11836786" y="816643"/>
                  <a:pt x="11836279" y="816136"/>
                </a:cubicBezTo>
                <a:cubicBezTo>
                  <a:pt x="11810826" y="782450"/>
                  <a:pt x="11810826" y="782450"/>
                  <a:pt x="11810826" y="782450"/>
                </a:cubicBezTo>
                <a:cubicBezTo>
                  <a:pt x="11810567" y="782192"/>
                  <a:pt x="11810567" y="782192"/>
                  <a:pt x="11810567" y="782192"/>
                </a:cubicBezTo>
                <a:cubicBezTo>
                  <a:pt x="11819566" y="775534"/>
                  <a:pt x="11828824" y="765154"/>
                  <a:pt x="11834607" y="753890"/>
                </a:cubicBezTo>
                <a:cubicBezTo>
                  <a:pt x="11835125" y="752606"/>
                  <a:pt x="11835254" y="751969"/>
                  <a:pt x="11835254" y="751203"/>
                </a:cubicBezTo>
                <a:cubicBezTo>
                  <a:pt x="11835254" y="750049"/>
                  <a:pt x="11834607" y="749671"/>
                  <a:pt x="11832816" y="749671"/>
                </a:cubicBezTo>
                <a:cubicBezTo>
                  <a:pt x="11826514" y="749671"/>
                  <a:pt x="11826514" y="749671"/>
                  <a:pt x="11826514" y="749671"/>
                </a:cubicBezTo>
                <a:close/>
                <a:moveTo>
                  <a:pt x="11301634" y="749671"/>
                </a:moveTo>
                <a:cubicBezTo>
                  <a:pt x="11301116" y="749671"/>
                  <a:pt x="11299832" y="749671"/>
                  <a:pt x="11299832" y="751462"/>
                </a:cubicBezTo>
                <a:cubicBezTo>
                  <a:pt x="11299832" y="751980"/>
                  <a:pt x="11299961" y="752617"/>
                  <a:pt x="11300350" y="753383"/>
                </a:cubicBezTo>
                <a:cubicBezTo>
                  <a:pt x="11324605" y="817399"/>
                  <a:pt x="11324605" y="817399"/>
                  <a:pt x="11324605" y="817399"/>
                </a:cubicBezTo>
                <a:cubicBezTo>
                  <a:pt x="11325371" y="818941"/>
                  <a:pt x="11325630" y="819449"/>
                  <a:pt x="11326785" y="819449"/>
                </a:cubicBezTo>
                <a:cubicBezTo>
                  <a:pt x="11332050" y="819449"/>
                  <a:pt x="11332050" y="819449"/>
                  <a:pt x="11332050" y="819449"/>
                </a:cubicBezTo>
                <a:cubicBezTo>
                  <a:pt x="11333593" y="819449"/>
                  <a:pt x="11333971" y="819190"/>
                  <a:pt x="11334489" y="817399"/>
                </a:cubicBezTo>
                <a:cubicBezTo>
                  <a:pt x="11358108" y="753135"/>
                  <a:pt x="11358108" y="753135"/>
                  <a:pt x="11358108" y="753135"/>
                </a:cubicBezTo>
                <a:cubicBezTo>
                  <a:pt x="11358366" y="751592"/>
                  <a:pt x="11358366" y="751462"/>
                  <a:pt x="11358366" y="751085"/>
                </a:cubicBezTo>
                <a:cubicBezTo>
                  <a:pt x="11358366" y="749671"/>
                  <a:pt x="11357341" y="749671"/>
                  <a:pt x="11356694" y="749671"/>
                </a:cubicBezTo>
                <a:cubicBezTo>
                  <a:pt x="11350015" y="749671"/>
                  <a:pt x="11350015" y="749671"/>
                  <a:pt x="11350015" y="749671"/>
                </a:cubicBezTo>
                <a:cubicBezTo>
                  <a:pt x="11349120" y="749930"/>
                  <a:pt x="11348990" y="750308"/>
                  <a:pt x="11348343" y="751592"/>
                </a:cubicBezTo>
                <a:cubicBezTo>
                  <a:pt x="11330885" y="802908"/>
                  <a:pt x="11330885" y="802908"/>
                  <a:pt x="11330885" y="802908"/>
                </a:cubicBezTo>
                <a:cubicBezTo>
                  <a:pt x="11312920" y="751851"/>
                  <a:pt x="11312920" y="751851"/>
                  <a:pt x="11312920" y="751851"/>
                </a:cubicBezTo>
                <a:cubicBezTo>
                  <a:pt x="11312154" y="749930"/>
                  <a:pt x="11311895" y="749671"/>
                  <a:pt x="11309845" y="749671"/>
                </a:cubicBezTo>
                <a:cubicBezTo>
                  <a:pt x="11301634" y="749671"/>
                  <a:pt x="11301634" y="749671"/>
                  <a:pt x="11301634" y="749671"/>
                </a:cubicBezTo>
                <a:close/>
                <a:moveTo>
                  <a:pt x="11754223" y="748506"/>
                </a:moveTo>
                <a:cubicBezTo>
                  <a:pt x="11742149" y="748506"/>
                  <a:pt x="11731241" y="755185"/>
                  <a:pt x="11731241" y="767625"/>
                </a:cubicBezTo>
                <a:cubicBezTo>
                  <a:pt x="11731241" y="779300"/>
                  <a:pt x="11739462" y="784177"/>
                  <a:pt x="11749346" y="788417"/>
                </a:cubicBezTo>
                <a:cubicBezTo>
                  <a:pt x="11757050" y="791622"/>
                  <a:pt x="11764236" y="794708"/>
                  <a:pt x="11764236" y="801894"/>
                </a:cubicBezTo>
                <a:cubicBezTo>
                  <a:pt x="11764236" y="807407"/>
                  <a:pt x="11759866" y="813698"/>
                  <a:pt x="11750500" y="813698"/>
                </a:cubicBezTo>
                <a:cubicBezTo>
                  <a:pt x="11740995" y="813698"/>
                  <a:pt x="11738308" y="806641"/>
                  <a:pt x="11733679" y="806641"/>
                </a:cubicBezTo>
                <a:cubicBezTo>
                  <a:pt x="11731500" y="806641"/>
                  <a:pt x="11728673" y="807666"/>
                  <a:pt x="11728673" y="811130"/>
                </a:cubicBezTo>
                <a:cubicBezTo>
                  <a:pt x="11728673" y="816643"/>
                  <a:pt x="11739462" y="821402"/>
                  <a:pt x="11750241" y="821402"/>
                </a:cubicBezTo>
                <a:cubicBezTo>
                  <a:pt x="11762434" y="821531"/>
                  <a:pt x="11774896" y="815111"/>
                  <a:pt x="11774896" y="800610"/>
                </a:cubicBezTo>
                <a:cubicBezTo>
                  <a:pt x="11774896" y="777897"/>
                  <a:pt x="11741901" y="781490"/>
                  <a:pt x="11741901" y="766471"/>
                </a:cubicBezTo>
                <a:cubicBezTo>
                  <a:pt x="11741901" y="761335"/>
                  <a:pt x="11745882" y="756199"/>
                  <a:pt x="11753457" y="756199"/>
                </a:cubicBezTo>
                <a:cubicBezTo>
                  <a:pt x="11761290" y="756199"/>
                  <a:pt x="11763340" y="761335"/>
                  <a:pt x="11767322" y="761335"/>
                </a:cubicBezTo>
                <a:cubicBezTo>
                  <a:pt x="11769372" y="761335"/>
                  <a:pt x="11772328" y="760180"/>
                  <a:pt x="11772328" y="756587"/>
                </a:cubicBezTo>
                <a:cubicBezTo>
                  <a:pt x="11772328" y="751452"/>
                  <a:pt x="11763599" y="748506"/>
                  <a:pt x="11754223" y="748506"/>
                </a:cubicBezTo>
                <a:close/>
                <a:moveTo>
                  <a:pt x="11614257" y="748117"/>
                </a:moveTo>
                <a:cubicBezTo>
                  <a:pt x="11607082" y="748117"/>
                  <a:pt x="11602594" y="749272"/>
                  <a:pt x="11599001" y="750167"/>
                </a:cubicBezTo>
                <a:cubicBezTo>
                  <a:pt x="11594383" y="751322"/>
                  <a:pt x="11592721" y="753491"/>
                  <a:pt x="11592721" y="755659"/>
                </a:cubicBezTo>
                <a:cubicBezTo>
                  <a:pt x="11592721" y="816902"/>
                  <a:pt x="11592721" y="816902"/>
                  <a:pt x="11592721" y="816902"/>
                </a:cubicBezTo>
                <a:cubicBezTo>
                  <a:pt x="11592721" y="818952"/>
                  <a:pt x="11593487" y="819071"/>
                  <a:pt x="11595418" y="819071"/>
                </a:cubicBezTo>
                <a:cubicBezTo>
                  <a:pt x="11602216" y="819071"/>
                  <a:pt x="11602216" y="819071"/>
                  <a:pt x="11602216" y="819071"/>
                </a:cubicBezTo>
                <a:cubicBezTo>
                  <a:pt x="11603878" y="819071"/>
                  <a:pt x="11604654" y="818942"/>
                  <a:pt x="11604654" y="816902"/>
                </a:cubicBezTo>
                <a:cubicBezTo>
                  <a:pt x="11604654" y="760774"/>
                  <a:pt x="11604654" y="760774"/>
                  <a:pt x="11604654" y="760774"/>
                </a:cubicBezTo>
                <a:cubicBezTo>
                  <a:pt x="11604654" y="757192"/>
                  <a:pt x="11607471" y="754764"/>
                  <a:pt x="11611452" y="754764"/>
                </a:cubicBezTo>
                <a:cubicBezTo>
                  <a:pt x="11620041" y="754764"/>
                  <a:pt x="11621325" y="761033"/>
                  <a:pt x="11625943" y="761033"/>
                </a:cubicBezTo>
                <a:cubicBezTo>
                  <a:pt x="11629255" y="761162"/>
                  <a:pt x="11631823" y="759112"/>
                  <a:pt x="11631823" y="755152"/>
                </a:cubicBezTo>
                <a:cubicBezTo>
                  <a:pt x="11631823" y="750167"/>
                  <a:pt x="11623623" y="748117"/>
                  <a:pt x="11614257" y="748117"/>
                </a:cubicBezTo>
                <a:close/>
                <a:moveTo>
                  <a:pt x="11553619" y="748117"/>
                </a:moveTo>
                <a:cubicBezTo>
                  <a:pt x="11547609" y="748117"/>
                  <a:pt x="11541221" y="749919"/>
                  <a:pt x="11536236" y="753124"/>
                </a:cubicBezTo>
                <a:cubicBezTo>
                  <a:pt x="11528565" y="758519"/>
                  <a:pt x="11523450" y="768780"/>
                  <a:pt x="11523450" y="784954"/>
                </a:cubicBezTo>
                <a:cubicBezTo>
                  <a:pt x="11523450" y="800998"/>
                  <a:pt x="11528565" y="811270"/>
                  <a:pt x="11536236" y="816654"/>
                </a:cubicBezTo>
                <a:cubicBezTo>
                  <a:pt x="11540962" y="819988"/>
                  <a:pt x="11547490" y="821531"/>
                  <a:pt x="11553619" y="821531"/>
                </a:cubicBezTo>
                <a:cubicBezTo>
                  <a:pt x="11559888" y="821531"/>
                  <a:pt x="11566275" y="819859"/>
                  <a:pt x="11571001" y="816654"/>
                </a:cubicBezTo>
                <a:cubicBezTo>
                  <a:pt x="11578802" y="811259"/>
                  <a:pt x="11583917" y="800998"/>
                  <a:pt x="11583917" y="784954"/>
                </a:cubicBezTo>
                <a:cubicBezTo>
                  <a:pt x="11583917" y="768780"/>
                  <a:pt x="11578802" y="758519"/>
                  <a:pt x="11571001" y="753124"/>
                </a:cubicBezTo>
                <a:cubicBezTo>
                  <a:pt x="11566146" y="749660"/>
                  <a:pt x="11559747" y="748117"/>
                  <a:pt x="11553619" y="748117"/>
                </a:cubicBezTo>
                <a:close/>
                <a:moveTo>
                  <a:pt x="11486031" y="748117"/>
                </a:moveTo>
                <a:cubicBezTo>
                  <a:pt x="11475824" y="748117"/>
                  <a:pt x="11468930" y="750297"/>
                  <a:pt x="11465229" y="751452"/>
                </a:cubicBezTo>
                <a:cubicBezTo>
                  <a:pt x="11460632" y="752994"/>
                  <a:pt x="11459230" y="754656"/>
                  <a:pt x="11459230" y="756965"/>
                </a:cubicBezTo>
                <a:cubicBezTo>
                  <a:pt x="11459230" y="817010"/>
                  <a:pt x="11459230" y="817010"/>
                  <a:pt x="11459230" y="817010"/>
                </a:cubicBezTo>
                <a:cubicBezTo>
                  <a:pt x="11459230" y="819190"/>
                  <a:pt x="11459737" y="819449"/>
                  <a:pt x="11461787" y="819449"/>
                </a:cubicBezTo>
                <a:cubicBezTo>
                  <a:pt x="11468422" y="819449"/>
                  <a:pt x="11468422" y="819449"/>
                  <a:pt x="11468422" y="819449"/>
                </a:cubicBezTo>
                <a:cubicBezTo>
                  <a:pt x="11470332" y="819449"/>
                  <a:pt x="11471228" y="819190"/>
                  <a:pt x="11471228" y="816751"/>
                </a:cubicBezTo>
                <a:cubicBezTo>
                  <a:pt x="11471228" y="761454"/>
                  <a:pt x="11471228" y="761454"/>
                  <a:pt x="11471228" y="761454"/>
                </a:cubicBezTo>
                <a:cubicBezTo>
                  <a:pt x="11471228" y="758497"/>
                  <a:pt x="11476331" y="755422"/>
                  <a:pt x="11485654" y="755422"/>
                </a:cubicBezTo>
                <a:cubicBezTo>
                  <a:pt x="11501223" y="755422"/>
                  <a:pt x="11501223" y="765554"/>
                  <a:pt x="11501223" y="771844"/>
                </a:cubicBezTo>
                <a:cubicBezTo>
                  <a:pt x="11501223" y="816751"/>
                  <a:pt x="11501223" y="816751"/>
                  <a:pt x="11501223" y="816751"/>
                </a:cubicBezTo>
                <a:cubicBezTo>
                  <a:pt x="11501223" y="819190"/>
                  <a:pt x="11501990" y="819449"/>
                  <a:pt x="11504288" y="819449"/>
                </a:cubicBezTo>
                <a:cubicBezTo>
                  <a:pt x="11511690" y="819449"/>
                  <a:pt x="11511690" y="819449"/>
                  <a:pt x="11511690" y="819449"/>
                </a:cubicBezTo>
                <a:cubicBezTo>
                  <a:pt x="11512963" y="819201"/>
                  <a:pt x="11512963" y="817917"/>
                  <a:pt x="11512963" y="816762"/>
                </a:cubicBezTo>
                <a:cubicBezTo>
                  <a:pt x="11512963" y="770312"/>
                  <a:pt x="11512963" y="770312"/>
                  <a:pt x="11512963" y="770312"/>
                </a:cubicBezTo>
                <a:cubicBezTo>
                  <a:pt x="11512963" y="762230"/>
                  <a:pt x="11512704" y="748117"/>
                  <a:pt x="11486031" y="748117"/>
                </a:cubicBezTo>
                <a:close/>
                <a:moveTo>
                  <a:pt x="11389700" y="748117"/>
                </a:moveTo>
                <a:cubicBezTo>
                  <a:pt x="11383539" y="748117"/>
                  <a:pt x="11377249" y="749919"/>
                  <a:pt x="11372242" y="753124"/>
                </a:cubicBezTo>
                <a:cubicBezTo>
                  <a:pt x="11364538" y="758519"/>
                  <a:pt x="11359402" y="768780"/>
                  <a:pt x="11359402" y="784954"/>
                </a:cubicBezTo>
                <a:cubicBezTo>
                  <a:pt x="11359402" y="800998"/>
                  <a:pt x="11364538" y="811270"/>
                  <a:pt x="11372242" y="816654"/>
                </a:cubicBezTo>
                <a:cubicBezTo>
                  <a:pt x="11376990" y="819988"/>
                  <a:pt x="11383539" y="821531"/>
                  <a:pt x="11389700" y="821531"/>
                </a:cubicBezTo>
                <a:cubicBezTo>
                  <a:pt x="11395990" y="821531"/>
                  <a:pt x="11402281" y="819859"/>
                  <a:pt x="11407158" y="816654"/>
                </a:cubicBezTo>
                <a:cubicBezTo>
                  <a:pt x="11414991" y="811259"/>
                  <a:pt x="11420127" y="800998"/>
                  <a:pt x="11420127" y="784954"/>
                </a:cubicBezTo>
                <a:cubicBezTo>
                  <a:pt x="11420127" y="768780"/>
                  <a:pt x="11414991" y="758519"/>
                  <a:pt x="11407158" y="753124"/>
                </a:cubicBezTo>
                <a:cubicBezTo>
                  <a:pt x="11402540" y="749660"/>
                  <a:pt x="11395990" y="748117"/>
                  <a:pt x="11389700" y="748117"/>
                </a:cubicBezTo>
                <a:close/>
                <a:moveTo>
                  <a:pt x="11267473" y="748117"/>
                </a:moveTo>
                <a:cubicBezTo>
                  <a:pt x="11261312" y="748117"/>
                  <a:pt x="11254892" y="749919"/>
                  <a:pt x="11250015" y="753124"/>
                </a:cubicBezTo>
                <a:cubicBezTo>
                  <a:pt x="11242182" y="758519"/>
                  <a:pt x="11237046" y="768780"/>
                  <a:pt x="11237046" y="784954"/>
                </a:cubicBezTo>
                <a:cubicBezTo>
                  <a:pt x="11237046" y="800998"/>
                  <a:pt x="11242182" y="811270"/>
                  <a:pt x="11250015" y="816654"/>
                </a:cubicBezTo>
                <a:cubicBezTo>
                  <a:pt x="11254763" y="819988"/>
                  <a:pt x="11261183" y="821531"/>
                  <a:pt x="11267473" y="821531"/>
                </a:cubicBezTo>
                <a:cubicBezTo>
                  <a:pt x="11273764" y="821531"/>
                  <a:pt x="11279925" y="819859"/>
                  <a:pt x="11284931" y="816654"/>
                </a:cubicBezTo>
                <a:cubicBezTo>
                  <a:pt x="11292635" y="811259"/>
                  <a:pt x="11297771" y="800998"/>
                  <a:pt x="11297771" y="784954"/>
                </a:cubicBezTo>
                <a:cubicBezTo>
                  <a:pt x="11297771" y="768780"/>
                  <a:pt x="11292635" y="758519"/>
                  <a:pt x="11284931" y="753124"/>
                </a:cubicBezTo>
                <a:cubicBezTo>
                  <a:pt x="11279925" y="749660"/>
                  <a:pt x="11273764" y="748117"/>
                  <a:pt x="11267473" y="748117"/>
                </a:cubicBezTo>
                <a:close/>
                <a:moveTo>
                  <a:pt x="11199756" y="748117"/>
                </a:moveTo>
                <a:cubicBezTo>
                  <a:pt x="11189495" y="748117"/>
                  <a:pt x="11182698" y="750297"/>
                  <a:pt x="11178857" y="751452"/>
                </a:cubicBezTo>
                <a:cubicBezTo>
                  <a:pt x="11174368" y="752994"/>
                  <a:pt x="11172825" y="754656"/>
                  <a:pt x="11172825" y="756965"/>
                </a:cubicBezTo>
                <a:cubicBezTo>
                  <a:pt x="11172825" y="817010"/>
                  <a:pt x="11172825" y="817010"/>
                  <a:pt x="11172825" y="817010"/>
                </a:cubicBezTo>
                <a:cubicBezTo>
                  <a:pt x="11172825" y="819190"/>
                  <a:pt x="11173343" y="819449"/>
                  <a:pt x="11175263" y="819449"/>
                </a:cubicBezTo>
                <a:cubicBezTo>
                  <a:pt x="11181932" y="819449"/>
                  <a:pt x="11181932" y="819449"/>
                  <a:pt x="11181932" y="819449"/>
                </a:cubicBezTo>
                <a:cubicBezTo>
                  <a:pt x="11183852" y="819449"/>
                  <a:pt x="11184748" y="819190"/>
                  <a:pt x="11184748" y="816751"/>
                </a:cubicBezTo>
                <a:cubicBezTo>
                  <a:pt x="11184748" y="761454"/>
                  <a:pt x="11184748" y="761454"/>
                  <a:pt x="11184748" y="761454"/>
                </a:cubicBezTo>
                <a:cubicBezTo>
                  <a:pt x="11184748" y="758497"/>
                  <a:pt x="11189873" y="755422"/>
                  <a:pt x="11199238" y="755422"/>
                </a:cubicBezTo>
                <a:cubicBezTo>
                  <a:pt x="11214884" y="755422"/>
                  <a:pt x="11214884" y="765554"/>
                  <a:pt x="11214884" y="771844"/>
                </a:cubicBezTo>
                <a:cubicBezTo>
                  <a:pt x="11214884" y="816751"/>
                  <a:pt x="11214884" y="816751"/>
                  <a:pt x="11214884" y="816751"/>
                </a:cubicBezTo>
                <a:cubicBezTo>
                  <a:pt x="11214884" y="819190"/>
                  <a:pt x="11215650" y="819449"/>
                  <a:pt x="11217959" y="819449"/>
                </a:cubicBezTo>
                <a:cubicBezTo>
                  <a:pt x="11225393" y="819449"/>
                  <a:pt x="11225393" y="819449"/>
                  <a:pt x="11225393" y="819449"/>
                </a:cubicBezTo>
                <a:cubicBezTo>
                  <a:pt x="11226688" y="819201"/>
                  <a:pt x="11226817" y="817917"/>
                  <a:pt x="11226817" y="816762"/>
                </a:cubicBezTo>
                <a:cubicBezTo>
                  <a:pt x="11226817" y="770312"/>
                  <a:pt x="11226817" y="770312"/>
                  <a:pt x="11226817" y="770312"/>
                </a:cubicBezTo>
                <a:cubicBezTo>
                  <a:pt x="11226817" y="762230"/>
                  <a:pt x="11226688" y="748117"/>
                  <a:pt x="11199756" y="748117"/>
                </a:cubicBezTo>
                <a:close/>
                <a:moveTo>
                  <a:pt x="11681273" y="724801"/>
                </a:moveTo>
                <a:cubicBezTo>
                  <a:pt x="11678975" y="724801"/>
                  <a:pt x="11678845" y="725567"/>
                  <a:pt x="11678845" y="727876"/>
                </a:cubicBezTo>
                <a:cubicBezTo>
                  <a:pt x="11678845" y="752250"/>
                  <a:pt x="11678845" y="752250"/>
                  <a:pt x="11678845" y="752250"/>
                </a:cubicBezTo>
                <a:cubicBezTo>
                  <a:pt x="11674626" y="750070"/>
                  <a:pt x="11670537" y="748527"/>
                  <a:pt x="11664279" y="748527"/>
                </a:cubicBezTo>
                <a:cubicBezTo>
                  <a:pt x="11643455" y="748527"/>
                  <a:pt x="11632848" y="768413"/>
                  <a:pt x="11632848" y="784954"/>
                </a:cubicBezTo>
                <a:cubicBezTo>
                  <a:pt x="11632848" y="809587"/>
                  <a:pt x="11646260" y="821510"/>
                  <a:pt x="11666707" y="821510"/>
                </a:cubicBezTo>
                <a:cubicBezTo>
                  <a:pt x="11676547" y="821531"/>
                  <a:pt x="11690477" y="816654"/>
                  <a:pt x="11690477" y="812036"/>
                </a:cubicBezTo>
                <a:cubicBezTo>
                  <a:pt x="11690477" y="727498"/>
                  <a:pt x="11690477" y="727498"/>
                  <a:pt x="11690477" y="727498"/>
                </a:cubicBezTo>
                <a:cubicBezTo>
                  <a:pt x="11690477" y="724930"/>
                  <a:pt x="11689711" y="724801"/>
                  <a:pt x="11687919" y="724801"/>
                </a:cubicBezTo>
                <a:cubicBezTo>
                  <a:pt x="11681273" y="724801"/>
                  <a:pt x="11681273" y="724801"/>
                  <a:pt x="11681273" y="724801"/>
                </a:cubicBezTo>
                <a:close/>
                <a:moveTo>
                  <a:pt x="11786797" y="724552"/>
                </a:moveTo>
                <a:cubicBezTo>
                  <a:pt x="11785384" y="724552"/>
                  <a:pt x="11784607" y="724811"/>
                  <a:pt x="11784607" y="726732"/>
                </a:cubicBezTo>
                <a:cubicBezTo>
                  <a:pt x="11784607" y="817280"/>
                  <a:pt x="11784607" y="817280"/>
                  <a:pt x="11784607" y="817280"/>
                </a:cubicBezTo>
                <a:cubicBezTo>
                  <a:pt x="11784607" y="819071"/>
                  <a:pt x="11784995" y="819330"/>
                  <a:pt x="11786797" y="819330"/>
                </a:cubicBezTo>
                <a:cubicBezTo>
                  <a:pt x="11793864" y="819330"/>
                  <a:pt x="11793864" y="819330"/>
                  <a:pt x="11793864" y="819330"/>
                </a:cubicBezTo>
                <a:cubicBezTo>
                  <a:pt x="11795526" y="819330"/>
                  <a:pt x="11796303" y="819330"/>
                  <a:pt x="11796303" y="817409"/>
                </a:cubicBezTo>
                <a:cubicBezTo>
                  <a:pt x="11796303" y="726473"/>
                  <a:pt x="11796303" y="726473"/>
                  <a:pt x="11796303" y="726473"/>
                </a:cubicBezTo>
                <a:cubicBezTo>
                  <a:pt x="11796303" y="724552"/>
                  <a:pt x="11795407" y="724552"/>
                  <a:pt x="11793864" y="724552"/>
                </a:cubicBezTo>
                <a:cubicBezTo>
                  <a:pt x="11786797" y="724552"/>
                  <a:pt x="11786797" y="724552"/>
                  <a:pt x="11786797" y="724552"/>
                </a:cubicBezTo>
                <a:close/>
                <a:moveTo>
                  <a:pt x="11712617" y="723776"/>
                </a:moveTo>
                <a:cubicBezTo>
                  <a:pt x="11708291" y="723776"/>
                  <a:pt x="11705237" y="726851"/>
                  <a:pt x="11705237" y="730940"/>
                </a:cubicBezTo>
                <a:cubicBezTo>
                  <a:pt x="11705237" y="734781"/>
                  <a:pt x="11707913" y="737975"/>
                  <a:pt x="11712358" y="737975"/>
                </a:cubicBezTo>
                <a:cubicBezTo>
                  <a:pt x="11716933" y="737845"/>
                  <a:pt x="11719739" y="734263"/>
                  <a:pt x="11719609" y="730433"/>
                </a:cubicBezTo>
                <a:cubicBezTo>
                  <a:pt x="11719350" y="726462"/>
                  <a:pt x="11716178" y="723776"/>
                  <a:pt x="11712617" y="723776"/>
                </a:cubicBezTo>
                <a:close/>
                <a:moveTo>
                  <a:pt x="11855021" y="713601"/>
                </a:moveTo>
                <a:lnTo>
                  <a:pt x="11855284" y="713794"/>
                </a:lnTo>
                <a:lnTo>
                  <a:pt x="11855021" y="713860"/>
                </a:lnTo>
                <a:cubicBezTo>
                  <a:pt x="11855021" y="713860"/>
                  <a:pt x="11855021" y="713860"/>
                  <a:pt x="11855021" y="713601"/>
                </a:cubicBezTo>
                <a:close/>
                <a:moveTo>
                  <a:pt x="11847209" y="704235"/>
                </a:moveTo>
                <a:cubicBezTo>
                  <a:pt x="11851428" y="704235"/>
                  <a:pt x="11851428" y="704235"/>
                  <a:pt x="11851428" y="704235"/>
                </a:cubicBezTo>
                <a:cubicBezTo>
                  <a:pt x="11853608" y="704235"/>
                  <a:pt x="11857190" y="704235"/>
                  <a:pt x="11857190" y="707699"/>
                </a:cubicBezTo>
                <a:cubicBezTo>
                  <a:pt x="11857190" y="711162"/>
                  <a:pt x="11853478" y="711162"/>
                  <a:pt x="11851817" y="711162"/>
                </a:cubicBezTo>
                <a:cubicBezTo>
                  <a:pt x="11847209" y="711162"/>
                  <a:pt x="11847209" y="711162"/>
                  <a:pt x="11847209" y="711162"/>
                </a:cubicBezTo>
                <a:close/>
                <a:moveTo>
                  <a:pt x="11843627" y="701020"/>
                </a:moveTo>
                <a:lnTo>
                  <a:pt x="11843627" y="724250"/>
                </a:lnTo>
                <a:cubicBezTo>
                  <a:pt x="11847468" y="724250"/>
                  <a:pt x="11847468" y="724250"/>
                  <a:pt x="11847468" y="724250"/>
                </a:cubicBezTo>
                <a:cubicBezTo>
                  <a:pt x="11847468" y="714367"/>
                  <a:pt x="11847468" y="714367"/>
                  <a:pt x="11847468" y="714367"/>
                </a:cubicBezTo>
                <a:cubicBezTo>
                  <a:pt x="11849648" y="714367"/>
                  <a:pt x="11849648" y="714367"/>
                  <a:pt x="11849648" y="714367"/>
                </a:cubicBezTo>
                <a:cubicBezTo>
                  <a:pt x="11852723" y="714367"/>
                  <a:pt x="11853867" y="715521"/>
                  <a:pt x="11856553" y="720528"/>
                </a:cubicBezTo>
                <a:cubicBezTo>
                  <a:pt x="11858603" y="724121"/>
                  <a:pt x="11858603" y="724121"/>
                  <a:pt x="11858603" y="724121"/>
                </a:cubicBezTo>
                <a:cubicBezTo>
                  <a:pt x="11863081" y="724121"/>
                  <a:pt x="11863081" y="724121"/>
                  <a:pt x="11863081" y="724121"/>
                </a:cubicBezTo>
                <a:cubicBezTo>
                  <a:pt x="11860265" y="719503"/>
                  <a:pt x="11860265" y="719503"/>
                  <a:pt x="11860265" y="719503"/>
                </a:cubicBezTo>
                <a:cubicBezTo>
                  <a:pt x="11858857" y="717258"/>
                  <a:pt x="11857864" y="715942"/>
                  <a:pt x="11857064" y="715107"/>
                </a:cubicBezTo>
                <a:lnTo>
                  <a:pt x="11855284" y="713794"/>
                </a:lnTo>
                <a:lnTo>
                  <a:pt x="11858039" y="713107"/>
                </a:lnTo>
                <a:cubicBezTo>
                  <a:pt x="11860542" y="711860"/>
                  <a:pt x="11861549" y="709333"/>
                  <a:pt x="11861549" y="707310"/>
                </a:cubicBezTo>
                <a:cubicBezTo>
                  <a:pt x="11861549" y="705390"/>
                  <a:pt x="11860653" y="703717"/>
                  <a:pt x="11859370" y="702822"/>
                </a:cubicBezTo>
                <a:cubicBezTo>
                  <a:pt x="11857449" y="701020"/>
                  <a:pt x="11854385" y="701020"/>
                  <a:pt x="11851817" y="701020"/>
                </a:cubicBezTo>
                <a:cubicBezTo>
                  <a:pt x="11843627" y="701020"/>
                  <a:pt x="11843627" y="701020"/>
                  <a:pt x="11843627" y="701020"/>
                </a:cubicBezTo>
                <a:close/>
                <a:moveTo>
                  <a:pt x="11852712" y="694611"/>
                </a:moveTo>
                <a:cubicBezTo>
                  <a:pt x="11862563" y="694611"/>
                  <a:pt x="11870623" y="702563"/>
                  <a:pt x="11870623" y="712446"/>
                </a:cubicBezTo>
                <a:cubicBezTo>
                  <a:pt x="11870623" y="722330"/>
                  <a:pt x="11862693" y="730541"/>
                  <a:pt x="11852712" y="730541"/>
                </a:cubicBezTo>
                <a:cubicBezTo>
                  <a:pt x="11842861" y="730541"/>
                  <a:pt x="11834931" y="722330"/>
                  <a:pt x="11834931" y="712446"/>
                </a:cubicBezTo>
                <a:cubicBezTo>
                  <a:pt x="11834801" y="702563"/>
                  <a:pt x="11842732" y="694611"/>
                  <a:pt x="11852712" y="694611"/>
                </a:cubicBezTo>
                <a:close/>
                <a:moveTo>
                  <a:pt x="11852712" y="690888"/>
                </a:moveTo>
                <a:cubicBezTo>
                  <a:pt x="11840940" y="690888"/>
                  <a:pt x="11831348" y="700513"/>
                  <a:pt x="11831348" y="712446"/>
                </a:cubicBezTo>
                <a:cubicBezTo>
                  <a:pt x="11831348" y="724509"/>
                  <a:pt x="11840940" y="734004"/>
                  <a:pt x="11852712" y="734004"/>
                </a:cubicBezTo>
                <a:cubicBezTo>
                  <a:pt x="11864613" y="734004"/>
                  <a:pt x="11874076" y="724250"/>
                  <a:pt x="11874076" y="712446"/>
                </a:cubicBezTo>
                <a:cubicBezTo>
                  <a:pt x="11874076" y="700642"/>
                  <a:pt x="11864484" y="690888"/>
                  <a:pt x="11852712" y="690888"/>
                </a:cubicBezTo>
                <a:close/>
                <a:moveTo>
                  <a:pt x="11639380" y="551044"/>
                </a:moveTo>
                <a:cubicBezTo>
                  <a:pt x="11639972" y="550996"/>
                  <a:pt x="11640676" y="551285"/>
                  <a:pt x="11641189" y="551862"/>
                </a:cubicBezTo>
                <a:cubicBezTo>
                  <a:pt x="11649011" y="560062"/>
                  <a:pt x="11646325" y="621974"/>
                  <a:pt x="11644652" y="634274"/>
                </a:cubicBezTo>
                <a:cubicBezTo>
                  <a:pt x="11644264" y="637349"/>
                  <a:pt x="11641448" y="639788"/>
                  <a:pt x="11640682" y="633508"/>
                </a:cubicBezTo>
                <a:cubicBezTo>
                  <a:pt x="11639786" y="625567"/>
                  <a:pt x="11635557" y="607235"/>
                  <a:pt x="11634273" y="599671"/>
                </a:cubicBezTo>
                <a:cubicBezTo>
                  <a:pt x="11632859" y="592496"/>
                  <a:pt x="11636841" y="570582"/>
                  <a:pt x="11638243" y="552250"/>
                </a:cubicBezTo>
                <a:cubicBezTo>
                  <a:pt x="11638308" y="551479"/>
                  <a:pt x="11638788" y="551093"/>
                  <a:pt x="11639380" y="551044"/>
                </a:cubicBezTo>
                <a:close/>
                <a:moveTo>
                  <a:pt x="11490639" y="502002"/>
                </a:moveTo>
                <a:cubicBezTo>
                  <a:pt x="11510395" y="504700"/>
                  <a:pt x="11530399" y="505207"/>
                  <a:pt x="11550015" y="504052"/>
                </a:cubicBezTo>
                <a:cubicBezTo>
                  <a:pt x="11553220" y="516223"/>
                  <a:pt x="11552831" y="532116"/>
                  <a:pt x="11548343" y="536605"/>
                </a:cubicBezTo>
                <a:cubicBezTo>
                  <a:pt x="11541157" y="543910"/>
                  <a:pt x="11508722" y="542496"/>
                  <a:pt x="11499486" y="541094"/>
                </a:cubicBezTo>
                <a:cubicBezTo>
                  <a:pt x="11496918" y="540705"/>
                  <a:pt x="11494361" y="540327"/>
                  <a:pt x="11492948" y="533659"/>
                </a:cubicBezTo>
                <a:cubicBezTo>
                  <a:pt x="11491405" y="525837"/>
                  <a:pt x="11491275" y="511486"/>
                  <a:pt x="11490639" y="502002"/>
                </a:cubicBezTo>
                <a:close/>
                <a:moveTo>
                  <a:pt x="11594253" y="498797"/>
                </a:moveTo>
                <a:cubicBezTo>
                  <a:pt x="11599767" y="509048"/>
                  <a:pt x="11600155" y="514950"/>
                  <a:pt x="11598612" y="520075"/>
                </a:cubicBezTo>
                <a:cubicBezTo>
                  <a:pt x="11597069" y="525200"/>
                  <a:pt x="11589894" y="528146"/>
                  <a:pt x="11588351" y="527509"/>
                </a:cubicBezTo>
                <a:cubicBezTo>
                  <a:pt x="11588092" y="516482"/>
                  <a:pt x="11585147" y="508152"/>
                  <a:pt x="11580011" y="500718"/>
                </a:cubicBezTo>
                <a:cubicBezTo>
                  <a:pt x="11584510" y="499952"/>
                  <a:pt x="11589257" y="499315"/>
                  <a:pt x="11594253" y="498797"/>
                </a:cubicBezTo>
                <a:close/>
                <a:moveTo>
                  <a:pt x="11441405" y="491374"/>
                </a:moveTo>
                <a:cubicBezTo>
                  <a:pt x="11447684" y="493295"/>
                  <a:pt x="11454104" y="494967"/>
                  <a:pt x="11460384" y="496499"/>
                </a:cubicBezTo>
                <a:cubicBezTo>
                  <a:pt x="11456025" y="524056"/>
                  <a:pt x="11447436" y="531868"/>
                  <a:pt x="11442948" y="533670"/>
                </a:cubicBezTo>
                <a:cubicBezTo>
                  <a:pt x="11439473" y="535073"/>
                  <a:pt x="11431910" y="535839"/>
                  <a:pt x="11434607" y="527132"/>
                </a:cubicBezTo>
                <a:cubicBezTo>
                  <a:pt x="11437305" y="518413"/>
                  <a:pt x="11439862" y="503545"/>
                  <a:pt x="11441405" y="491374"/>
                </a:cubicBezTo>
                <a:close/>
                <a:moveTo>
                  <a:pt x="11419441" y="484343"/>
                </a:moveTo>
                <a:cubicBezTo>
                  <a:pt x="11421606" y="484488"/>
                  <a:pt x="11425004" y="485801"/>
                  <a:pt x="11431543" y="488299"/>
                </a:cubicBezTo>
                <a:cubicBezTo>
                  <a:pt x="11430647" y="509447"/>
                  <a:pt x="11425263" y="521499"/>
                  <a:pt x="11423202" y="532257"/>
                </a:cubicBezTo>
                <a:cubicBezTo>
                  <a:pt x="11420893" y="543284"/>
                  <a:pt x="11433204" y="545841"/>
                  <a:pt x="11444102" y="543154"/>
                </a:cubicBezTo>
                <a:cubicBezTo>
                  <a:pt x="11454870" y="540468"/>
                  <a:pt x="11465132" y="529182"/>
                  <a:pt x="11469620" y="498549"/>
                </a:cubicBezTo>
                <a:cubicBezTo>
                  <a:pt x="11473850" y="499574"/>
                  <a:pt x="11477313" y="500092"/>
                  <a:pt x="11481672" y="500729"/>
                </a:cubicBezTo>
                <a:cubicBezTo>
                  <a:pt x="11482190" y="532516"/>
                  <a:pt x="11484111" y="539691"/>
                  <a:pt x="11485395" y="542507"/>
                </a:cubicBezTo>
                <a:cubicBezTo>
                  <a:pt x="11487833" y="548398"/>
                  <a:pt x="11493735" y="550329"/>
                  <a:pt x="11498472" y="550707"/>
                </a:cubicBezTo>
                <a:cubicBezTo>
                  <a:pt x="11523353" y="552628"/>
                  <a:pt x="11547458" y="551862"/>
                  <a:pt x="11555917" y="543532"/>
                </a:cubicBezTo>
                <a:cubicBezTo>
                  <a:pt x="11564506" y="535073"/>
                  <a:pt x="11561560" y="514443"/>
                  <a:pt x="11559122" y="503286"/>
                </a:cubicBezTo>
                <a:cubicBezTo>
                  <a:pt x="11563092" y="502898"/>
                  <a:pt x="11566308" y="502520"/>
                  <a:pt x="11570149" y="502002"/>
                </a:cubicBezTo>
                <a:cubicBezTo>
                  <a:pt x="11578360" y="511486"/>
                  <a:pt x="11579385" y="521866"/>
                  <a:pt x="11579385" y="528405"/>
                </a:cubicBezTo>
                <a:cubicBezTo>
                  <a:pt x="11579385" y="535709"/>
                  <a:pt x="11587466" y="539551"/>
                  <a:pt x="11598752" y="531739"/>
                </a:cubicBezTo>
                <a:cubicBezTo>
                  <a:pt x="11609909" y="523916"/>
                  <a:pt x="11608884" y="510202"/>
                  <a:pt x="11602723" y="497773"/>
                </a:cubicBezTo>
                <a:cubicBezTo>
                  <a:pt x="11628371" y="495722"/>
                  <a:pt x="11627086" y="512511"/>
                  <a:pt x="11625673" y="533282"/>
                </a:cubicBezTo>
                <a:cubicBezTo>
                  <a:pt x="11624389" y="553793"/>
                  <a:pt x="11619771" y="582882"/>
                  <a:pt x="11612855" y="586216"/>
                </a:cubicBezTo>
                <a:cubicBezTo>
                  <a:pt x="11605798" y="589162"/>
                  <a:pt x="11594771" y="570323"/>
                  <a:pt x="11537326" y="569428"/>
                </a:cubicBezTo>
                <a:cubicBezTo>
                  <a:pt x="11496551" y="568661"/>
                  <a:pt x="11465261" y="574175"/>
                  <a:pt x="11459488" y="611465"/>
                </a:cubicBezTo>
                <a:cubicBezTo>
                  <a:pt x="11459100" y="614151"/>
                  <a:pt x="11457568" y="613774"/>
                  <a:pt x="11456154" y="612360"/>
                </a:cubicBezTo>
                <a:cubicBezTo>
                  <a:pt x="11444998" y="600189"/>
                  <a:pt x="11434737" y="594676"/>
                  <a:pt x="11418325" y="585191"/>
                </a:cubicBezTo>
                <a:cubicBezTo>
                  <a:pt x="11401785" y="575448"/>
                  <a:pt x="11390757" y="562382"/>
                  <a:pt x="11388707" y="549434"/>
                </a:cubicBezTo>
                <a:cubicBezTo>
                  <a:pt x="11386657" y="536486"/>
                  <a:pt x="11391405" y="519190"/>
                  <a:pt x="11414743" y="487403"/>
                </a:cubicBezTo>
                <a:cubicBezTo>
                  <a:pt x="11416346" y="485224"/>
                  <a:pt x="11417276" y="484199"/>
                  <a:pt x="11419441" y="484343"/>
                </a:cubicBezTo>
                <a:close/>
                <a:moveTo>
                  <a:pt x="11358173" y="469801"/>
                </a:moveTo>
                <a:cubicBezTo>
                  <a:pt x="11352402" y="469752"/>
                  <a:pt x="11342133" y="472433"/>
                  <a:pt x="11346260" y="478275"/>
                </a:cubicBezTo>
                <a:cubicBezTo>
                  <a:pt x="11351763" y="486314"/>
                  <a:pt x="11362639" y="473042"/>
                  <a:pt x="11361744" y="470744"/>
                </a:cubicBezTo>
                <a:cubicBezTo>
                  <a:pt x="11361520" y="470137"/>
                  <a:pt x="11360096" y="469817"/>
                  <a:pt x="11358173" y="469801"/>
                </a:cubicBezTo>
                <a:close/>
                <a:moveTo>
                  <a:pt x="11354455" y="453696"/>
                </a:moveTo>
                <a:cubicBezTo>
                  <a:pt x="11359222" y="452705"/>
                  <a:pt x="11365520" y="456094"/>
                  <a:pt x="11379471" y="464453"/>
                </a:cubicBezTo>
                <a:cubicBezTo>
                  <a:pt x="11402044" y="478167"/>
                  <a:pt x="11408971" y="475351"/>
                  <a:pt x="11401267" y="487522"/>
                </a:cubicBezTo>
                <a:cubicBezTo>
                  <a:pt x="11396519" y="495345"/>
                  <a:pt x="11380486" y="516104"/>
                  <a:pt x="11376515" y="541611"/>
                </a:cubicBezTo>
                <a:cubicBezTo>
                  <a:pt x="11371131" y="534436"/>
                  <a:pt x="11363815" y="516622"/>
                  <a:pt x="11357665" y="511745"/>
                </a:cubicBezTo>
                <a:cubicBezTo>
                  <a:pt x="11345613" y="502261"/>
                  <a:pt x="11335222" y="509566"/>
                  <a:pt x="11330734" y="504052"/>
                </a:cubicBezTo>
                <a:cubicBezTo>
                  <a:pt x="11325727" y="498031"/>
                  <a:pt x="11323677" y="497643"/>
                  <a:pt x="11328166" y="491881"/>
                </a:cubicBezTo>
                <a:cubicBezTo>
                  <a:pt x="11328166" y="491881"/>
                  <a:pt x="11333550" y="484835"/>
                  <a:pt x="11335600" y="481879"/>
                </a:cubicBezTo>
                <a:cubicBezTo>
                  <a:pt x="11337909" y="478804"/>
                  <a:pt x="11337272" y="473031"/>
                  <a:pt x="11338297" y="470604"/>
                </a:cubicBezTo>
                <a:cubicBezTo>
                  <a:pt x="11339193" y="468165"/>
                  <a:pt x="11344707" y="460861"/>
                  <a:pt x="11349972" y="456124"/>
                </a:cubicBezTo>
                <a:cubicBezTo>
                  <a:pt x="11351448" y="454843"/>
                  <a:pt x="11352866" y="454026"/>
                  <a:pt x="11354455" y="453696"/>
                </a:cubicBezTo>
                <a:close/>
                <a:moveTo>
                  <a:pt x="11324025" y="392924"/>
                </a:moveTo>
                <a:cubicBezTo>
                  <a:pt x="11322935" y="393149"/>
                  <a:pt x="11322134" y="395329"/>
                  <a:pt x="11322134" y="400006"/>
                </a:cubicBezTo>
                <a:cubicBezTo>
                  <a:pt x="11322134" y="423463"/>
                  <a:pt x="11332395" y="437555"/>
                  <a:pt x="11335988" y="441536"/>
                </a:cubicBezTo>
                <a:cubicBezTo>
                  <a:pt x="11339452" y="445507"/>
                  <a:pt x="11341114" y="449477"/>
                  <a:pt x="11339193" y="451786"/>
                </a:cubicBezTo>
                <a:cubicBezTo>
                  <a:pt x="11334068" y="457807"/>
                  <a:pt x="11328554" y="464475"/>
                  <a:pt x="11328425" y="467162"/>
                </a:cubicBezTo>
                <a:cubicBezTo>
                  <a:pt x="11328166" y="470107"/>
                  <a:pt x="11328425" y="471521"/>
                  <a:pt x="11327270" y="474855"/>
                </a:cubicBezTo>
                <a:cubicBezTo>
                  <a:pt x="11326116" y="478059"/>
                  <a:pt x="11322016" y="482796"/>
                  <a:pt x="11315477" y="490748"/>
                </a:cubicBezTo>
                <a:cubicBezTo>
                  <a:pt x="11311884" y="495366"/>
                  <a:pt x="11314193" y="500362"/>
                  <a:pt x="11317268" y="503696"/>
                </a:cubicBezTo>
                <a:cubicBezTo>
                  <a:pt x="11320861" y="507796"/>
                  <a:pt x="11323300" y="512544"/>
                  <a:pt x="11327788" y="514594"/>
                </a:cubicBezTo>
                <a:cubicBezTo>
                  <a:pt x="11332406" y="516644"/>
                  <a:pt x="11336506" y="515230"/>
                  <a:pt x="11341890" y="516137"/>
                </a:cubicBezTo>
                <a:cubicBezTo>
                  <a:pt x="11347016" y="517032"/>
                  <a:pt x="11353436" y="520107"/>
                  <a:pt x="11358561" y="529214"/>
                </a:cubicBezTo>
                <a:cubicBezTo>
                  <a:pt x="11365995" y="542539"/>
                  <a:pt x="11373947" y="563310"/>
                  <a:pt x="11388308" y="580476"/>
                </a:cubicBezTo>
                <a:cubicBezTo>
                  <a:pt x="11394717" y="588040"/>
                  <a:pt x="11394717" y="602013"/>
                  <a:pt x="11394717" y="606490"/>
                </a:cubicBezTo>
                <a:cubicBezTo>
                  <a:pt x="11395106" y="646736"/>
                  <a:pt x="11374076" y="684803"/>
                  <a:pt x="11360611" y="709026"/>
                </a:cubicBezTo>
                <a:cubicBezTo>
                  <a:pt x="11357406" y="714669"/>
                  <a:pt x="11358172" y="719406"/>
                  <a:pt x="11362402" y="719406"/>
                </a:cubicBezTo>
                <a:cubicBezTo>
                  <a:pt x="11367279" y="719406"/>
                  <a:pt x="11385481" y="719406"/>
                  <a:pt x="11388567" y="719406"/>
                </a:cubicBezTo>
                <a:cubicBezTo>
                  <a:pt x="11391901" y="719406"/>
                  <a:pt x="11393951" y="715813"/>
                  <a:pt x="11394210" y="711972"/>
                </a:cubicBezTo>
                <a:cubicBezTo>
                  <a:pt x="11396519" y="679030"/>
                  <a:pt x="11415110" y="618661"/>
                  <a:pt x="11429094" y="608411"/>
                </a:cubicBezTo>
                <a:cubicBezTo>
                  <a:pt x="11452561" y="623150"/>
                  <a:pt x="11475900" y="654678"/>
                  <a:pt x="11464484" y="709921"/>
                </a:cubicBezTo>
                <a:cubicBezTo>
                  <a:pt x="11463966" y="712996"/>
                  <a:pt x="11461150" y="719665"/>
                  <a:pt x="11468207" y="719665"/>
                </a:cubicBezTo>
                <a:cubicBezTo>
                  <a:pt x="11468207" y="719665"/>
                  <a:pt x="11488082" y="719665"/>
                  <a:pt x="11490650" y="719665"/>
                </a:cubicBezTo>
                <a:cubicBezTo>
                  <a:pt x="11493595" y="719665"/>
                  <a:pt x="11498343" y="718510"/>
                  <a:pt x="11497954" y="713126"/>
                </a:cubicBezTo>
                <a:cubicBezTo>
                  <a:pt x="11496800" y="691590"/>
                  <a:pt x="11478716" y="646100"/>
                  <a:pt x="11473979" y="619309"/>
                </a:cubicBezTo>
                <a:cubicBezTo>
                  <a:pt x="11471034" y="602390"/>
                  <a:pt x="11484499" y="572146"/>
                  <a:pt x="11535276" y="595345"/>
                </a:cubicBezTo>
                <a:cubicBezTo>
                  <a:pt x="11554773" y="577790"/>
                  <a:pt x="11580421" y="588428"/>
                  <a:pt x="11569383" y="622136"/>
                </a:cubicBezTo>
                <a:cubicBezTo>
                  <a:pt x="11558614" y="655713"/>
                  <a:pt x="11549249" y="670452"/>
                  <a:pt x="11512315" y="709932"/>
                </a:cubicBezTo>
                <a:cubicBezTo>
                  <a:pt x="11508215" y="714550"/>
                  <a:pt x="11507827" y="719417"/>
                  <a:pt x="11514624" y="719417"/>
                </a:cubicBezTo>
                <a:cubicBezTo>
                  <a:pt x="11517958" y="719417"/>
                  <a:pt x="11534888" y="719417"/>
                  <a:pt x="11538351" y="719417"/>
                </a:cubicBezTo>
                <a:cubicBezTo>
                  <a:pt x="11543476" y="719417"/>
                  <a:pt x="11545537" y="717874"/>
                  <a:pt x="11547069" y="713903"/>
                </a:cubicBezTo>
                <a:cubicBezTo>
                  <a:pt x="11548483" y="709673"/>
                  <a:pt x="11565412" y="656102"/>
                  <a:pt x="11598623" y="630983"/>
                </a:cubicBezTo>
                <a:cubicBezTo>
                  <a:pt x="11601191" y="629063"/>
                  <a:pt x="11603371" y="620474"/>
                  <a:pt x="11608496" y="600869"/>
                </a:cubicBezTo>
                <a:cubicBezTo>
                  <a:pt x="11624529" y="622017"/>
                  <a:pt x="11626709" y="660461"/>
                  <a:pt x="11599130" y="710062"/>
                </a:cubicBezTo>
                <a:cubicBezTo>
                  <a:pt x="11596314" y="715316"/>
                  <a:pt x="11597976" y="719287"/>
                  <a:pt x="11601439" y="719287"/>
                </a:cubicBezTo>
                <a:cubicBezTo>
                  <a:pt x="11603360" y="719287"/>
                  <a:pt x="11618368" y="719287"/>
                  <a:pt x="11622857" y="719287"/>
                </a:cubicBezTo>
                <a:cubicBezTo>
                  <a:pt x="11626828" y="719287"/>
                  <a:pt x="11627982" y="717107"/>
                  <a:pt x="11629525" y="711087"/>
                </a:cubicBezTo>
                <a:cubicBezTo>
                  <a:pt x="11631446" y="703653"/>
                  <a:pt x="11632093" y="700060"/>
                  <a:pt x="11634650" y="693014"/>
                </a:cubicBezTo>
                <a:cubicBezTo>
                  <a:pt x="11636193" y="688655"/>
                  <a:pt x="11636830" y="687889"/>
                  <a:pt x="11654018" y="688018"/>
                </a:cubicBezTo>
                <a:cubicBezTo>
                  <a:pt x="11659402" y="688018"/>
                  <a:pt x="11659024" y="685202"/>
                  <a:pt x="11659024" y="680584"/>
                </a:cubicBezTo>
                <a:cubicBezTo>
                  <a:pt x="11659272" y="614151"/>
                  <a:pt x="11659661" y="544687"/>
                  <a:pt x="11654654" y="520852"/>
                </a:cubicBezTo>
                <a:cubicBezTo>
                  <a:pt x="11647727" y="487403"/>
                  <a:pt x="11618617" y="486378"/>
                  <a:pt x="11603360" y="487533"/>
                </a:cubicBezTo>
                <a:cubicBezTo>
                  <a:pt x="11587456" y="488688"/>
                  <a:pt x="11557449" y="493424"/>
                  <a:pt x="11526547" y="493424"/>
                </a:cubicBezTo>
                <a:cubicBezTo>
                  <a:pt x="11484866" y="493424"/>
                  <a:pt x="11437930" y="481631"/>
                  <a:pt x="11402033" y="464842"/>
                </a:cubicBezTo>
                <a:cubicBezTo>
                  <a:pt x="11395753" y="462026"/>
                  <a:pt x="11398958" y="460742"/>
                  <a:pt x="11401644" y="459199"/>
                </a:cubicBezTo>
                <a:cubicBezTo>
                  <a:pt x="11415110" y="451765"/>
                  <a:pt x="11426774" y="445097"/>
                  <a:pt x="11433960" y="433314"/>
                </a:cubicBezTo>
                <a:cubicBezTo>
                  <a:pt x="11439473" y="424348"/>
                  <a:pt x="11437423" y="421521"/>
                  <a:pt x="11431392" y="426398"/>
                </a:cubicBezTo>
                <a:cubicBezTo>
                  <a:pt x="11415110" y="439982"/>
                  <a:pt x="11391890" y="447546"/>
                  <a:pt x="11365995" y="438191"/>
                </a:cubicBezTo>
                <a:cubicBezTo>
                  <a:pt x="11339959" y="428966"/>
                  <a:pt x="11329957" y="403847"/>
                  <a:pt x="11327648" y="397567"/>
                </a:cubicBezTo>
                <a:cubicBezTo>
                  <a:pt x="11326493" y="394428"/>
                  <a:pt x="11325115" y="392699"/>
                  <a:pt x="11324025" y="392924"/>
                </a:cubicBezTo>
                <a:close/>
                <a:moveTo>
                  <a:pt x="11391491" y="334037"/>
                </a:moveTo>
                <a:cubicBezTo>
                  <a:pt x="11410848" y="334037"/>
                  <a:pt x="11426364" y="349790"/>
                  <a:pt x="11426364" y="368996"/>
                </a:cubicBezTo>
                <a:cubicBezTo>
                  <a:pt x="11426364" y="388331"/>
                  <a:pt x="11410848" y="403955"/>
                  <a:pt x="11391491" y="403955"/>
                </a:cubicBezTo>
                <a:cubicBezTo>
                  <a:pt x="11372134" y="403955"/>
                  <a:pt x="11356360" y="388331"/>
                  <a:pt x="11356360" y="368996"/>
                </a:cubicBezTo>
                <a:cubicBezTo>
                  <a:pt x="11356360" y="349542"/>
                  <a:pt x="11372134" y="334037"/>
                  <a:pt x="11391491" y="334037"/>
                </a:cubicBezTo>
                <a:close/>
                <a:moveTo>
                  <a:pt x="11389959" y="321618"/>
                </a:moveTo>
                <a:cubicBezTo>
                  <a:pt x="11360729" y="321618"/>
                  <a:pt x="11337262" y="345442"/>
                  <a:pt x="11337262" y="374510"/>
                </a:cubicBezTo>
                <a:cubicBezTo>
                  <a:pt x="11337262" y="403836"/>
                  <a:pt x="11360978" y="427401"/>
                  <a:pt x="11389959" y="427401"/>
                </a:cubicBezTo>
                <a:cubicBezTo>
                  <a:pt x="11419189" y="427401"/>
                  <a:pt x="11442656" y="403577"/>
                  <a:pt x="11442656" y="374510"/>
                </a:cubicBezTo>
                <a:cubicBezTo>
                  <a:pt x="11442656" y="345183"/>
                  <a:pt x="11419189" y="321618"/>
                  <a:pt x="11389959" y="321618"/>
                </a:cubicBez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D4D7DC"/>
          </a:solidFill>
        </p:spPr>
        <p:txBody>
          <a:bodyPr wrap="square" tIns="72000">
            <a:no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auto">
          <a:xfrm>
            <a:off x="648000" y="648000"/>
            <a:ext cx="8652000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5D48FB-C4AE-4499-AA0B-C1A976EDD53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60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83084E-2481-4E6B-8DE9-0CFD902BC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4189875-0661-4E2F-8DC6-9F8850F63BE8}"/>
              </a:ext>
            </a:extLst>
          </p:cNvPr>
          <p:cNvSpPr txBox="1"/>
          <p:nvPr userDrawn="1"/>
        </p:nvSpPr>
        <p:spPr>
          <a:xfrm>
            <a:off x="23812" y="-33912"/>
            <a:ext cx="36000" cy="171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US" sz="100" dirty="0">
                <a:solidFill>
                  <a:srgbClr val="666666"/>
                </a:solidFill>
                <a:latin typeface="Apis For Office Light" panose="020B0404010101010104" pitchFamily="34" charset="0"/>
                <a:ea typeface="Apis For Office Light" panose="020B0404010101010104" pitchFamily="34" charset="0"/>
                <a:cs typeface="Apis For Office Light" panose="020B0404010101010104" pitchFamily="34" charset="0"/>
              </a:rPr>
              <a:t>Light</a:t>
            </a:r>
          </a:p>
        </p:txBody>
      </p:sp>
      <p:sp>
        <p:nvSpPr>
          <p:cNvPr id="16" name="Slide Number Placeholder 8">
            <a:extLst>
              <a:ext uri="{FF2B5EF4-FFF2-40B4-BE49-F238E27FC236}">
                <a16:creationId xmlns:a16="http://schemas.microsoft.com/office/drawing/2014/main" id="{A65E5DCA-65B0-489C-8954-F5C4AA22AC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dynamic logo whit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CC218D6D-FEFB-46D0-8813-C99976F4CA1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Divider">
    <p:bg bwMode="ltGray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AE495F4B-43C9-4BD0-8BB8-4942406D920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78766DD-9A06-4EF8-BC56-88FAB730402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97164" y="647700"/>
            <a:ext cx="8902835" cy="5562300"/>
          </a:xfrm>
        </p:spPr>
        <p:txBody>
          <a:bodyPr anchor="ctr">
            <a:noAutofit/>
          </a:bodyPr>
          <a:lstStyle>
            <a:lvl1pPr marL="0" indent="0">
              <a:buNone/>
              <a:defRPr sz="41300">
                <a:solidFill>
                  <a:srgbClr val="EBE8E5"/>
                </a:solidFill>
              </a:defRPr>
            </a:lvl1pPr>
          </a:lstStyle>
          <a:p>
            <a:pPr lvl="0"/>
            <a:r>
              <a:rPr lang="en-US" dirty="0"/>
              <a:t>01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623601" y="648000"/>
            <a:ext cx="7675974" cy="5562000"/>
          </a:xfrm>
        </p:spPr>
        <p:txBody>
          <a:bodyPr anchor="ctr"/>
          <a:lstStyle>
            <a:lvl1pPr algn="l">
              <a:defRPr sz="4400" b="1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CFC03F98-43D5-4866-9EED-B1724A421DE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6" name="dynamic logo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C259898-72ED-48AD-B8DB-354C87B7C69D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F5E8B261-EC29-2FF5-230F-CD67CBFA5254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38787337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892000" y="647700"/>
            <a:ext cx="8976150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9FC834-4845-430D-833F-E27D62F7E10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B39247E-D185-41FD-BF62-F6D03E65C52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70F0230-6038-4355-80ED-FB8CD83128C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89205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3429000"/>
            <a:ext cx="11543999" cy="3104999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DD836B-4E8F-40F5-B8F7-589382C6DFF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03AE82F-9C53-4FB7-8399-260EEAC48983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BBC4390-ECEC-4EC2-BC84-6A63CD446A04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317204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 Tru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2000"/>
            <a:ext cx="10896000" cy="972000"/>
          </a:xfrm>
        </p:spPr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CA7DD42-50DC-4727-B3D6-62052EA9E55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999" y="648000"/>
            <a:ext cx="10896001" cy="324000"/>
          </a:xfrm>
        </p:spPr>
        <p:txBody>
          <a:bodyPr/>
          <a:lstStyle>
            <a:lvl1pPr marL="0" indent="0">
              <a:buNone/>
              <a:defRPr sz="1400" b="1" cap="all" baseline="0"/>
            </a:lvl1pPr>
          </a:lstStyle>
          <a:p>
            <a:pPr lvl="0"/>
            <a:r>
              <a:rPr lang="en-US" dirty="0"/>
              <a:t>Click to add trumpet</a:t>
            </a:r>
          </a:p>
        </p:txBody>
      </p:sp>
    </p:spTree>
    <p:extLst>
      <p:ext uri="{BB962C8B-B14F-4D97-AF65-F5344CB8AC3E}">
        <p14:creationId xmlns:p14="http://schemas.microsoft.com/office/powerpoint/2010/main" val="5245504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16868FC-B7DE-4736-A8C4-5762DBFD1F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6408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380000" y="1944000"/>
            <a:ext cx="4164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06BE7D1E-8977-4FBA-BE12-1091DAF345C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7910165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3713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6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7380000" y="1944000"/>
            <a:ext cx="4164000" cy="426599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D24B339-4BEF-40F4-99BA-001E3E2611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5327126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4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5999" y="1944000"/>
            <a:ext cx="4164001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50C9B3A-1DC8-4D31-931B-2B9DFA8D23B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5998940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380000" y="647700"/>
            <a:ext cx="4488000" cy="5886299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127018570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6732001" cy="58863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38846121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Cov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980C894-9D8D-4E84-92B9-6EA4ECCC00D1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822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3913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DF5EDE-8F7F-4DF3-B844-7C0C4E6AC641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6C80C8D-1C72-4DEF-843D-58E91667217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6" name="Footer Placeholder 7">
            <a:extLst>
              <a:ext uri="{FF2B5EF4-FFF2-40B4-BE49-F238E27FC236}">
                <a16:creationId xmlns:a16="http://schemas.microsoft.com/office/drawing/2014/main" id="{2BE0DF0F-9C1F-48B6-81C9-DE493CAF2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17" name="Slide Number Placeholder 8">
            <a:extLst>
              <a:ext uri="{FF2B5EF4-FFF2-40B4-BE49-F238E27FC236}">
                <a16:creationId xmlns:a16="http://schemas.microsoft.com/office/drawing/2014/main" id="{4EC3851D-A362-49B0-86B2-00F14E8191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ynamic logo whit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9CE848CF-6894-4564-ABE3-C9ED24818DCD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25638664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4164001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246641170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304CBD4A-182F-487E-B21D-5F418CE42D1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380000" y="647700"/>
            <a:ext cx="1920000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C92D14D3-8709-434C-A54B-15ADD1D8757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150552610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7700"/>
            <a:ext cx="5286220" cy="1651119"/>
          </a:xfrm>
        </p:spPr>
        <p:txBody>
          <a:bodyPr anchor="t"/>
          <a:lstStyle>
            <a:lvl1pPr>
              <a:lnSpc>
                <a:spcPct val="100000"/>
              </a:lnSpc>
              <a:defRPr sz="3600" b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4A06B890-E694-4CC8-A7C4-0101B94C3461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47700" y="2488123"/>
            <a:ext cx="5286375" cy="371363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F232361E-9641-4D5F-B5F2-E5299AA8C5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57782" y="647700"/>
            <a:ext cx="5610217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296DAD-0E66-436A-9C98-8412698CB71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6578600" y="968516"/>
            <a:ext cx="4965401" cy="52414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005083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4">
            <a:extLst>
              <a:ext uri="{FF2B5EF4-FFF2-40B4-BE49-F238E27FC236}">
                <a16:creationId xmlns:a16="http://schemas.microsoft.com/office/drawing/2014/main" id="{A41594FF-878C-4539-A3DF-E2C07894A97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57914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5150ED-B90C-4AB1-BCB0-E73E86A8D87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76E0E6C7-4501-41F5-82DA-93E27DDCEB41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7834695D-31D7-40E5-BF1E-A049DDB0738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C244FE-0B79-4E3B-B276-2F6B1D56122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039139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43896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81315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5F91D68D-2FA9-4CAD-8EF0-C0BF3460A39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56264516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345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906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36D757B-F40B-4569-BAF1-AA3404B9E9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596014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s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6000" cy="1296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48000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7914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9EC381D6-39E2-4766-8084-72599657FA7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861255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135999" y="3429000"/>
            <a:ext cx="4164001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5135999" y="648000"/>
            <a:ext cx="4164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3999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5229E68-3EC6-4831-B439-8804F87FEA6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490081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B.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7380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A2ECB2A-19E9-48E5-91DB-E34F20D2AB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8688178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55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F1618E7-6259-402C-A006-7EB43B92C8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0814115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500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7999" y="6055882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71420AF-1268-4AE1-84DA-164DB71C2C14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7C86D47D-AFD8-4DC6-BD55-10180E93A99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7" name="Footer Placeholder 7">
            <a:extLst>
              <a:ext uri="{FF2B5EF4-FFF2-40B4-BE49-F238E27FC236}">
                <a16:creationId xmlns:a16="http://schemas.microsoft.com/office/drawing/2014/main" id="{FADB92D4-4128-4A3B-A654-38C0F1360B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8E1CB220-B3D7-46B6-BFDD-6B22270FC0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dynamic logo whit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AE78219-5CBB-4760-B800-636AFE0A99A8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1E4501D4-80DD-6712-25F4-A6D515CAB8F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38459273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8000"/>
            <a:ext cx="10896000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999" y="1548000"/>
            <a:ext cx="10896001" cy="46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0D294CC-24C2-47E3-B826-6C4083885A2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1834107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10896601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92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</a:t>
            </a:r>
          </a:p>
          <a:p>
            <a:pPr lvl="7"/>
            <a:r>
              <a:rPr lang="en-US" noProof="0" dirty="0"/>
              <a:t>Level 8</a:t>
            </a:r>
          </a:p>
          <a:p>
            <a:pPr lvl="8"/>
            <a:r>
              <a:rPr lang="en-US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EAF405E3-B39D-45EE-8E47-4F2225BD2A6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29230336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83BF171-11B0-4BBC-A5E0-54E06540B5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D4BEBA1-3B3D-4B4B-9C17-2B3431510A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4A63ACE-2F21-4C6E-8E2B-F2CF74469B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C135AE9C-0192-4702-9483-2D7F6662584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18F144-C552-47DE-B37E-F764CB8D02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59BE18-6820-417E-88D1-C143F8462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C8840-13BA-406D-AE15-E96701F6DE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5E57C6-792B-4176-9081-325BCB6A73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sz="10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11BEDE0-B328-47ED-BFE3-B922ED50E4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sz="100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35EE4FB-E10C-46B3-A75F-6398295944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sz="100" dirty="0"/>
          </a:p>
        </p:txBody>
      </p:sp>
    </p:spTree>
    <p:extLst>
      <p:ext uri="{BB962C8B-B14F-4D97-AF65-F5344CB8AC3E}">
        <p14:creationId xmlns:p14="http://schemas.microsoft.com/office/powerpoint/2010/main" val="48265717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13" name="Date Placeholder 6">
            <a:extLst>
              <a:ext uri="{FF2B5EF4-FFF2-40B4-BE49-F238E27FC236}">
                <a16:creationId xmlns:a16="http://schemas.microsoft.com/office/drawing/2014/main" id="{5E2CB17F-7F37-4D9E-B75C-9007C8729CE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sz="100" dirty="0"/>
          </a:p>
        </p:txBody>
      </p:sp>
      <p:sp>
        <p:nvSpPr>
          <p:cNvPr id="14" name="Footer Placeholder 7">
            <a:extLst>
              <a:ext uri="{FF2B5EF4-FFF2-40B4-BE49-F238E27FC236}">
                <a16:creationId xmlns:a16="http://schemas.microsoft.com/office/drawing/2014/main" id="{74FE5657-0D9D-4DB3-826E-FF66EEDC5E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sz="100" dirty="0"/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0B3E7C79-1410-4D8B-926D-CF3179FE0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sz="100" dirty="0"/>
          </a:p>
        </p:txBody>
      </p:sp>
    </p:spTree>
    <p:extLst>
      <p:ext uri="{BB962C8B-B14F-4D97-AF65-F5344CB8AC3E}">
        <p14:creationId xmlns:p14="http://schemas.microsoft.com/office/powerpoint/2010/main" val="335723626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608016"/>
            <a:ext cx="2786833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en-US" sz="900" dirty="0"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US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54412" y="187609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7700" y="1613646"/>
            <a:ext cx="2280360" cy="50013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US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US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67579" y="332285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68120" y="259966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311882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974001" y="431340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74001" y="564155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92856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608016"/>
            <a:ext cx="2358243" cy="4047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GRIDLINES</a:t>
            </a:r>
            <a:endParaRPr lang="en-US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US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647700" y="448713"/>
            <a:ext cx="1100137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63584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74000" y="5077014"/>
            <a:ext cx="475428" cy="176762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B97ADE-DB50-43D7-B6D7-6AA6A44173B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62254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13A6A0-AAC5-4762-99A3-8E67DE5BC5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6A718C-8117-4521-935E-A616BB58A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400" b="0" noProof="0" dirty="0">
                <a:solidFill>
                  <a:schemeClr val="bg1"/>
                </a:solidFill>
              </a:rPr>
              <a:t>If you see any </a:t>
            </a:r>
            <a:r>
              <a:rPr lang="en-US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US" sz="4400" b="0" i="0" noProof="0" dirty="0">
                <a:solidFill>
                  <a:schemeClr val="bg1"/>
                </a:solidFill>
              </a:rPr>
              <a:t>one</a:t>
            </a:r>
            <a:r>
              <a:rPr lang="en-US" sz="4400" b="1" i="1" noProof="0" dirty="0">
                <a:solidFill>
                  <a:schemeClr val="bg1"/>
                </a:solidFill>
              </a:rPr>
              <a:t>,</a:t>
            </a:r>
            <a:br>
              <a:rPr lang="en-US" sz="4400" b="0" i="0" noProof="0" dirty="0">
                <a:solidFill>
                  <a:schemeClr val="bg1"/>
                </a:solidFill>
              </a:rPr>
            </a:br>
            <a:r>
              <a:rPr lang="en-US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US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US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US" sz="2800" b="0" noProof="0" dirty="0">
                <a:solidFill>
                  <a:schemeClr val="bg1"/>
                </a:solidFill>
              </a:rPr>
            </a:br>
            <a:br>
              <a:rPr lang="en-US" sz="2800" b="0" noProof="0" dirty="0">
                <a:solidFill>
                  <a:schemeClr val="bg1"/>
                </a:solidFill>
              </a:rPr>
            </a:br>
            <a:endParaRPr lang="en-US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3800" b="1" i="1" noProof="0" dirty="0">
                <a:solidFill>
                  <a:schemeClr val="bg1"/>
                </a:solidFill>
              </a:rPr>
              <a:t>Do not use </a:t>
            </a:r>
            <a:endParaRPr lang="en-US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US" sz="1800" b="0" noProof="0" dirty="0">
                <a:solidFill>
                  <a:schemeClr val="bg1"/>
                </a:solidFill>
              </a:rPr>
            </a:br>
            <a:endParaRPr lang="en-US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136356" y="2163600"/>
            <a:ext cx="6408844" cy="2379600"/>
          </a:xfrm>
        </p:spPr>
        <p:txBody>
          <a:bodyPr anchor="ctr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F3DB85B7-7760-4094-B5B7-6A45B6116B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136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Insert name</a:t>
            </a:r>
          </a:p>
        </p:txBody>
      </p:sp>
      <p:sp>
        <p:nvSpPr>
          <p:cNvPr id="31" name="Date Placeholder 6">
            <a:extLst>
              <a:ext uri="{FF2B5EF4-FFF2-40B4-BE49-F238E27FC236}">
                <a16:creationId xmlns:a16="http://schemas.microsoft.com/office/drawing/2014/main" id="{353E10AF-D600-4770-A150-4A8ED3F945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136000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E7ACB837-D775-4027-8A9A-8A934ABD2C6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24000" y="324000"/>
            <a:ext cx="4488000" cy="62100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here and insert picture via Templafy</a:t>
            </a:r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2DB09BC2-598E-40D3-B291-F2AE97681E1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13" name="Footer Placeholder 7">
            <a:extLst>
              <a:ext uri="{FF2B5EF4-FFF2-40B4-BE49-F238E27FC236}">
                <a16:creationId xmlns:a16="http://schemas.microsoft.com/office/drawing/2014/main" id="{6065F747-4561-4901-98B7-BF52331654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US" dirty="0"/>
          </a:p>
        </p:txBody>
      </p:sp>
      <p:sp>
        <p:nvSpPr>
          <p:cNvPr id="14" name="Slide Number Placeholder 8">
            <a:extLst>
              <a:ext uri="{FF2B5EF4-FFF2-40B4-BE49-F238E27FC236}">
                <a16:creationId xmlns:a16="http://schemas.microsoft.com/office/drawing/2014/main" id="{871C597D-634C-4C0B-95AD-0C969D5845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dynamic logo whit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CFCDB02C-C393-45D0-9339-45B1931BD42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6031507D-6644-A3B6-BBED-4B812C95A402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EF3B750-FD0B-4117-8CF8-02751916C1F8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01 Agenda poin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5A42DB6-37C7-4655-8383-4D4C615303B7}"/>
              </a:ext>
            </a:extLst>
          </p:cNvPr>
          <p:cNvSpPr txBox="1"/>
          <p:nvPr userDrawn="1"/>
        </p:nvSpPr>
        <p:spPr>
          <a:xfrm>
            <a:off x="7381875" y="2819981"/>
            <a:ext cx="4162126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US" sz="7200" dirty="0">
                <a:solidFill>
                  <a:schemeClr val="bg1"/>
                </a:solidFill>
              </a:rPr>
              <a:t>Agenda</a:t>
            </a:r>
          </a:p>
        </p:txBody>
      </p:sp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E4BBEEFE-FD1C-41BE-8701-C445D2EB12C0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5" name="dynamic logo whit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3EF1636C-932C-4747-B37D-D0B1E2D9AB18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AB77215-63F5-457D-BB11-70300B8118C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tx2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tx2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noProof="0" dirty="0"/>
              <a:t>01 Agenda poin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3" name="dynamic logo whit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2AD425B-83E9-4675-A5F8-3B70DC855783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97129AA5-5F6C-4D56-9FE7-7F7D411655B5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20980074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anded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2AD94F7-3470-4EDF-8360-C604BB358116}" type="datetime3">
              <a:rPr lang="en-US" smtClean="0"/>
              <a:t>30 June 2023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3" name="dynamic logo white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82AD425B-83E9-4675-A5F8-3B70DC855783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289874BE-970D-D4C8-9E09-95F2102C6FC5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17712011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Agenda">
    <p:bg bwMode="grayWhite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494AFEEA-94E5-4AC9-A1E0-1C0A39ED59B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E04617A3-773E-4D38-A193-F8C5B6A520C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A2A3BC1C-0A3F-4D46-8A19-9812D28C2BA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2892000" y="648000"/>
            <a:ext cx="6408000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/>
              <a:defRPr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noProof="0" dirty="0"/>
              <a:t>Agenda poin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7E35705F-E398-47AC-9EC0-7584A114B9A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 bwMode="gray">
          <a:xfrm>
            <a:off x="647999" y="648000"/>
            <a:ext cx="1920001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09.00-09.30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 bwMode="gray"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dynamic logo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B3C1CADE-9463-4A8D-B4E6-273C0EC9AFF5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" name="dynamic year 100" descr="{&quot;templafy&quot;:{&quot;type&quot;:&quot;image&quot;,&quot;inheritDimensions&quot;:&quot;inheritNone&quot;,&quot;width&quot;:&quot;7.67 cm&quot;,&quot;binding&quot;:&quot;Form.PLogoChoice.PLogoYear&quot;}}" title="Form.PLogoChoice.PLogoInsertion">
            <a:extLst>
              <a:ext uri="{FF2B5EF4-FFF2-40B4-BE49-F238E27FC236}">
                <a16:creationId xmlns:a16="http://schemas.microsoft.com/office/drawing/2014/main" id="{51093488-6AB7-37A0-89EA-AB79F453A222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36840844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Divi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7E7C513-B1CD-4706-976C-28D5F1922773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5562000"/>
          </a:xfrm>
        </p:spPr>
        <p:txBody>
          <a:bodyPr anchor="ctr"/>
          <a:lstStyle>
            <a:lvl1pPr algn="l"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7" name="Freeform: Shape 26">
            <a:extLst>
              <a:ext uri="{FF2B5EF4-FFF2-40B4-BE49-F238E27FC236}">
                <a16:creationId xmlns:a16="http://schemas.microsoft.com/office/drawing/2014/main" id="{3602F927-C35A-415E-909F-7517AD1B0FFA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6" name="dynamic logo white" descr="{&quot;templafy&quot;:{&quot;type&quot;:&quot;image&quot;,&quot;inheritDimensions&quot;:&quot;inheritNone&quot;,&quot;width&quot;:&quot;7.67 cm&quot;,&quot;binding&quot;:&quot;Form.PLogoChoice.PLogoInsertionWhite&quot;}}" title="Form.PLogoChoice.PLogoInsertionWhite">
            <a:extLst>
              <a:ext uri="{FF2B5EF4-FFF2-40B4-BE49-F238E27FC236}">
                <a16:creationId xmlns:a16="http://schemas.microsoft.com/office/drawing/2014/main" id="{D9E9F619-DDA7-4396-BEF5-E42E21A0A600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19713822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117" Type="http://schemas.openxmlformats.org/officeDocument/2006/relationships/tags" Target="../tags/tag79.xml"/><Relationship Id="rId21" Type="http://schemas.openxmlformats.org/officeDocument/2006/relationships/slideLayout" Target="../slideLayouts/slideLayout21.xml"/><Relationship Id="rId42" Type="http://schemas.openxmlformats.org/officeDocument/2006/relationships/tags" Target="../tags/tag4.xml"/><Relationship Id="rId47" Type="http://schemas.openxmlformats.org/officeDocument/2006/relationships/tags" Target="../tags/tag9.xml"/><Relationship Id="rId63" Type="http://schemas.openxmlformats.org/officeDocument/2006/relationships/tags" Target="../tags/tag25.xml"/><Relationship Id="rId68" Type="http://schemas.openxmlformats.org/officeDocument/2006/relationships/tags" Target="../tags/tag30.xml"/><Relationship Id="rId84" Type="http://schemas.openxmlformats.org/officeDocument/2006/relationships/tags" Target="../tags/tag46.xml"/><Relationship Id="rId89" Type="http://schemas.openxmlformats.org/officeDocument/2006/relationships/tags" Target="../tags/tag51.xml"/><Relationship Id="rId112" Type="http://schemas.openxmlformats.org/officeDocument/2006/relationships/tags" Target="../tags/tag74.xml"/><Relationship Id="rId16" Type="http://schemas.openxmlformats.org/officeDocument/2006/relationships/slideLayout" Target="../slideLayouts/slideLayout16.xml"/><Relationship Id="rId107" Type="http://schemas.openxmlformats.org/officeDocument/2006/relationships/tags" Target="../tags/tag69.xml"/><Relationship Id="rId11" Type="http://schemas.openxmlformats.org/officeDocument/2006/relationships/slideLayout" Target="../slideLayouts/slideLayout11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3" Type="http://schemas.openxmlformats.org/officeDocument/2006/relationships/tags" Target="../tags/tag15.xml"/><Relationship Id="rId58" Type="http://schemas.openxmlformats.org/officeDocument/2006/relationships/tags" Target="../tags/tag20.xml"/><Relationship Id="rId74" Type="http://schemas.openxmlformats.org/officeDocument/2006/relationships/tags" Target="../tags/tag36.xml"/><Relationship Id="rId79" Type="http://schemas.openxmlformats.org/officeDocument/2006/relationships/tags" Target="../tags/tag41.xml"/><Relationship Id="rId102" Type="http://schemas.openxmlformats.org/officeDocument/2006/relationships/tags" Target="../tags/tag64.xml"/><Relationship Id="rId123" Type="http://schemas.openxmlformats.org/officeDocument/2006/relationships/tags" Target="../tags/tag85.xml"/><Relationship Id="rId5" Type="http://schemas.openxmlformats.org/officeDocument/2006/relationships/slideLayout" Target="../slideLayouts/slideLayout5.xml"/><Relationship Id="rId61" Type="http://schemas.openxmlformats.org/officeDocument/2006/relationships/tags" Target="../tags/tag23.xml"/><Relationship Id="rId82" Type="http://schemas.openxmlformats.org/officeDocument/2006/relationships/tags" Target="../tags/tag44.xml"/><Relationship Id="rId90" Type="http://schemas.openxmlformats.org/officeDocument/2006/relationships/tags" Target="../tags/tag52.xml"/><Relationship Id="rId95" Type="http://schemas.openxmlformats.org/officeDocument/2006/relationships/tags" Target="../tags/tag57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5.xml"/><Relationship Id="rId48" Type="http://schemas.openxmlformats.org/officeDocument/2006/relationships/tags" Target="../tags/tag10.xml"/><Relationship Id="rId56" Type="http://schemas.openxmlformats.org/officeDocument/2006/relationships/tags" Target="../tags/tag18.xml"/><Relationship Id="rId64" Type="http://schemas.openxmlformats.org/officeDocument/2006/relationships/tags" Target="../tags/tag26.xml"/><Relationship Id="rId69" Type="http://schemas.openxmlformats.org/officeDocument/2006/relationships/tags" Target="../tags/tag31.xml"/><Relationship Id="rId77" Type="http://schemas.openxmlformats.org/officeDocument/2006/relationships/tags" Target="../tags/tag39.xml"/><Relationship Id="rId100" Type="http://schemas.openxmlformats.org/officeDocument/2006/relationships/tags" Target="../tags/tag62.xml"/><Relationship Id="rId105" Type="http://schemas.openxmlformats.org/officeDocument/2006/relationships/tags" Target="../tags/tag67.xml"/><Relationship Id="rId113" Type="http://schemas.openxmlformats.org/officeDocument/2006/relationships/tags" Target="../tags/tag75.xml"/><Relationship Id="rId118" Type="http://schemas.openxmlformats.org/officeDocument/2006/relationships/tags" Target="../tags/tag80.xml"/><Relationship Id="rId126" Type="http://schemas.openxmlformats.org/officeDocument/2006/relationships/tags" Target="../tags/tag88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3.xml"/><Relationship Id="rId72" Type="http://schemas.openxmlformats.org/officeDocument/2006/relationships/tags" Target="../tags/tag34.xml"/><Relationship Id="rId80" Type="http://schemas.openxmlformats.org/officeDocument/2006/relationships/tags" Target="../tags/tag42.xml"/><Relationship Id="rId85" Type="http://schemas.openxmlformats.org/officeDocument/2006/relationships/tags" Target="../tags/tag47.xml"/><Relationship Id="rId93" Type="http://schemas.openxmlformats.org/officeDocument/2006/relationships/tags" Target="../tags/tag55.xml"/><Relationship Id="rId98" Type="http://schemas.openxmlformats.org/officeDocument/2006/relationships/tags" Target="../tags/tag60.xml"/><Relationship Id="rId121" Type="http://schemas.openxmlformats.org/officeDocument/2006/relationships/tags" Target="../tags/tag83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Relationship Id="rId46" Type="http://schemas.openxmlformats.org/officeDocument/2006/relationships/tags" Target="../tags/tag8.xml"/><Relationship Id="rId59" Type="http://schemas.openxmlformats.org/officeDocument/2006/relationships/tags" Target="../tags/tag21.xml"/><Relationship Id="rId67" Type="http://schemas.openxmlformats.org/officeDocument/2006/relationships/tags" Target="../tags/tag29.xml"/><Relationship Id="rId103" Type="http://schemas.openxmlformats.org/officeDocument/2006/relationships/tags" Target="../tags/tag65.xml"/><Relationship Id="rId108" Type="http://schemas.openxmlformats.org/officeDocument/2006/relationships/tags" Target="../tags/tag70.xml"/><Relationship Id="rId116" Type="http://schemas.openxmlformats.org/officeDocument/2006/relationships/tags" Target="../tags/tag78.xml"/><Relationship Id="rId124" Type="http://schemas.openxmlformats.org/officeDocument/2006/relationships/tags" Target="../tags/tag86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3.xml"/><Relationship Id="rId54" Type="http://schemas.openxmlformats.org/officeDocument/2006/relationships/tags" Target="../tags/tag16.xml"/><Relationship Id="rId62" Type="http://schemas.openxmlformats.org/officeDocument/2006/relationships/tags" Target="../tags/tag24.xml"/><Relationship Id="rId70" Type="http://schemas.openxmlformats.org/officeDocument/2006/relationships/tags" Target="../tags/tag32.xml"/><Relationship Id="rId75" Type="http://schemas.openxmlformats.org/officeDocument/2006/relationships/tags" Target="../tags/tag37.xml"/><Relationship Id="rId83" Type="http://schemas.openxmlformats.org/officeDocument/2006/relationships/tags" Target="../tags/tag45.xml"/><Relationship Id="rId88" Type="http://schemas.openxmlformats.org/officeDocument/2006/relationships/tags" Target="../tags/tag50.xml"/><Relationship Id="rId91" Type="http://schemas.openxmlformats.org/officeDocument/2006/relationships/tags" Target="../tags/tag53.xml"/><Relationship Id="rId96" Type="http://schemas.openxmlformats.org/officeDocument/2006/relationships/tags" Target="../tags/tag58.xml"/><Relationship Id="rId111" Type="http://schemas.openxmlformats.org/officeDocument/2006/relationships/tags" Target="../tags/tag7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tags" Target="../tags/tag11.xml"/><Relationship Id="rId57" Type="http://schemas.openxmlformats.org/officeDocument/2006/relationships/tags" Target="../tags/tag19.xml"/><Relationship Id="rId106" Type="http://schemas.openxmlformats.org/officeDocument/2006/relationships/tags" Target="../tags/tag68.xml"/><Relationship Id="rId114" Type="http://schemas.openxmlformats.org/officeDocument/2006/relationships/tags" Target="../tags/tag76.xml"/><Relationship Id="rId119" Type="http://schemas.openxmlformats.org/officeDocument/2006/relationships/tags" Target="../tags/tag81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6.xml"/><Relationship Id="rId52" Type="http://schemas.openxmlformats.org/officeDocument/2006/relationships/tags" Target="../tags/tag14.xml"/><Relationship Id="rId60" Type="http://schemas.openxmlformats.org/officeDocument/2006/relationships/tags" Target="../tags/tag22.xml"/><Relationship Id="rId65" Type="http://schemas.openxmlformats.org/officeDocument/2006/relationships/tags" Target="../tags/tag27.xml"/><Relationship Id="rId73" Type="http://schemas.openxmlformats.org/officeDocument/2006/relationships/tags" Target="../tags/tag35.xml"/><Relationship Id="rId78" Type="http://schemas.openxmlformats.org/officeDocument/2006/relationships/tags" Target="../tags/tag40.xml"/><Relationship Id="rId81" Type="http://schemas.openxmlformats.org/officeDocument/2006/relationships/tags" Target="../tags/tag43.xml"/><Relationship Id="rId86" Type="http://schemas.openxmlformats.org/officeDocument/2006/relationships/tags" Target="../tags/tag48.xml"/><Relationship Id="rId94" Type="http://schemas.openxmlformats.org/officeDocument/2006/relationships/tags" Target="../tags/tag56.xml"/><Relationship Id="rId99" Type="http://schemas.openxmlformats.org/officeDocument/2006/relationships/tags" Target="../tags/tag61.xml"/><Relationship Id="rId101" Type="http://schemas.openxmlformats.org/officeDocument/2006/relationships/tags" Target="../tags/tag63.xml"/><Relationship Id="rId122" Type="http://schemas.openxmlformats.org/officeDocument/2006/relationships/tags" Target="../tags/tag8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tags" Target="../tags/tag1.xml"/><Relationship Id="rId109" Type="http://schemas.openxmlformats.org/officeDocument/2006/relationships/tags" Target="../tags/tag71.xml"/><Relationship Id="rId34" Type="http://schemas.openxmlformats.org/officeDocument/2006/relationships/slideLayout" Target="../slideLayouts/slideLayout34.xml"/><Relationship Id="rId50" Type="http://schemas.openxmlformats.org/officeDocument/2006/relationships/tags" Target="../tags/tag12.xml"/><Relationship Id="rId55" Type="http://schemas.openxmlformats.org/officeDocument/2006/relationships/tags" Target="../tags/tag17.xml"/><Relationship Id="rId76" Type="http://schemas.openxmlformats.org/officeDocument/2006/relationships/tags" Target="../tags/tag38.xml"/><Relationship Id="rId97" Type="http://schemas.openxmlformats.org/officeDocument/2006/relationships/tags" Target="../tags/tag59.xml"/><Relationship Id="rId104" Type="http://schemas.openxmlformats.org/officeDocument/2006/relationships/tags" Target="../tags/tag66.xml"/><Relationship Id="rId120" Type="http://schemas.openxmlformats.org/officeDocument/2006/relationships/tags" Target="../tags/tag82.xml"/><Relationship Id="rId125" Type="http://schemas.openxmlformats.org/officeDocument/2006/relationships/tags" Target="../tags/tag87.xml"/><Relationship Id="rId7" Type="http://schemas.openxmlformats.org/officeDocument/2006/relationships/slideLayout" Target="../slideLayouts/slideLayout7.xml"/><Relationship Id="rId71" Type="http://schemas.openxmlformats.org/officeDocument/2006/relationships/tags" Target="../tags/tag33.xml"/><Relationship Id="rId92" Type="http://schemas.openxmlformats.org/officeDocument/2006/relationships/tags" Target="../tags/tag54.xml"/><Relationship Id="rId2" Type="http://schemas.openxmlformats.org/officeDocument/2006/relationships/slideLayout" Target="../slideLayouts/slideLayout2.xml"/><Relationship Id="rId29" Type="http://schemas.openxmlformats.org/officeDocument/2006/relationships/slideLayout" Target="../slideLayouts/slideLayout29.xml"/><Relationship Id="rId24" Type="http://schemas.openxmlformats.org/officeDocument/2006/relationships/slideLayout" Target="../slideLayouts/slideLayout24.xml"/><Relationship Id="rId40" Type="http://schemas.openxmlformats.org/officeDocument/2006/relationships/tags" Target="../tags/tag2.xml"/><Relationship Id="rId45" Type="http://schemas.openxmlformats.org/officeDocument/2006/relationships/tags" Target="../tags/tag7.xml"/><Relationship Id="rId66" Type="http://schemas.openxmlformats.org/officeDocument/2006/relationships/tags" Target="../tags/tag28.xml"/><Relationship Id="rId87" Type="http://schemas.openxmlformats.org/officeDocument/2006/relationships/tags" Target="../tags/tag49.xml"/><Relationship Id="rId110" Type="http://schemas.openxmlformats.org/officeDocument/2006/relationships/tags" Target="../tags/tag72.xml"/><Relationship Id="rId115" Type="http://schemas.openxmlformats.org/officeDocument/2006/relationships/tags" Target="../tags/tag7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8000" y="1944000"/>
            <a:ext cx="10896000" cy="426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Level 1</a:t>
            </a:r>
          </a:p>
          <a:p>
            <a:pPr lvl="1"/>
            <a:r>
              <a:rPr lang="en-US" noProof="0" dirty="0"/>
              <a:t>Level 2</a:t>
            </a:r>
          </a:p>
          <a:p>
            <a:pPr lvl="2"/>
            <a:r>
              <a:rPr lang="en-US" noProof="0" dirty="0"/>
              <a:t>Level 3</a:t>
            </a:r>
          </a:p>
          <a:p>
            <a:pPr lvl="3"/>
            <a:r>
              <a:rPr lang="en-US" noProof="0" dirty="0"/>
              <a:t>Level 4, Header</a:t>
            </a:r>
          </a:p>
          <a:p>
            <a:pPr lvl="4"/>
            <a:r>
              <a:rPr lang="en-US" noProof="0" dirty="0"/>
              <a:t>Level 5, Body</a:t>
            </a:r>
          </a:p>
          <a:p>
            <a:pPr lvl="5"/>
            <a:r>
              <a:rPr lang="en-US" noProof="0" dirty="0"/>
              <a:t>Level 6</a:t>
            </a:r>
          </a:p>
          <a:p>
            <a:pPr lvl="6"/>
            <a:r>
              <a:rPr lang="en-US" noProof="0" dirty="0"/>
              <a:t>Level 7, Small Header</a:t>
            </a:r>
          </a:p>
          <a:p>
            <a:pPr lvl="7"/>
            <a:r>
              <a:rPr lang="en-US" noProof="0" dirty="0"/>
              <a:t>Level 8, Small Body</a:t>
            </a:r>
          </a:p>
          <a:p>
            <a:pPr lvl="8"/>
            <a:r>
              <a:rPr lang="en-US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10896000" cy="12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48000" y="324000"/>
            <a:ext cx="1920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892712" y="323850"/>
            <a:ext cx="4162138" cy="12600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24000" y="324000"/>
            <a:ext cx="324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78D69B5-2783-4637-A949-A867EE4EFE6B}"/>
              </a:ext>
            </a:extLst>
          </p:cNvPr>
          <p:cNvSpPr txBox="1"/>
          <p:nvPr userDrawn="1"/>
        </p:nvSpPr>
        <p:spPr>
          <a:xfrm>
            <a:off x="11218069" y="324000"/>
            <a:ext cx="648494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US" sz="700" dirty="0">
                <a:solidFill>
                  <a:schemeClr val="tx2"/>
                </a:solidFill>
              </a:rPr>
              <a:t>Novo Nordisk</a:t>
            </a:r>
            <a:r>
              <a:rPr lang="en-US" sz="700" baseline="30000" dirty="0">
                <a:solidFill>
                  <a:schemeClr val="tx2"/>
                </a:solidFill>
              </a:rPr>
              <a:t>®</a:t>
            </a:r>
          </a:p>
        </p:txBody>
      </p:sp>
      <p:sp>
        <p:nvSpPr>
          <p:cNvPr id="4" name="[WorkArea]" descr="&lt;?xml version=&quot;1.0&quot; encoding=&quot;utf-16&quot;?&gt;&#10;&lt;GridTheme xmlns:xsi=&quot;http://www.w3.org/2001/XMLSchema-instance&quot; xmlns:xsd=&quot;http://www.w3.org/2001/XMLSchema&quot;&gt;&#10;  &lt;GuideLines /&gt;&#10;  &lt;SubGrids&gt;&#10;    &lt;SubGrid&gt;&#10;      &lt;Left&gt;25.51181&lt;/Left&gt;&#10;      &lt;Top&gt;25.51181&lt;/Top&gt;&#10;      &lt;Width&gt;25.51181&lt;/Width&gt;&#10;      &lt;Height&gt;25.51181&lt;/Height&gt;&#10;    &lt;/SubGrid&gt;&#10;    &lt;SubGrid&gt;&#10;      &lt;Left&gt;51.02362&lt;/Left&gt;&#10;      &lt;Top&gt;25.51181&lt;/Top&gt;&#10;      &lt;Width&gt;151.1811&lt;/Width&gt;&#10;      &lt;Height&gt;25.51181&lt;/Height&gt;&#10;    &lt;/SubGrid&gt;&#10;    &lt;SubGrid&gt;&#10;      &lt;Left&gt;202.204727&lt;/Left&gt;&#10;      &lt;Top&gt;25.51181&lt;/Top&gt;&#10;      &lt;Width&gt;25.51181&lt;/Width&gt;&#10;      &lt;Height&gt;25.51181&lt;/Height&gt;&#10;    &lt;/SubGrid&gt;&#10;    &lt;SubGrid&gt;&#10;      &lt;Left&gt;227.716537&lt;/Left&gt;&#10;      &lt;Top&gt;25.51181&lt;/Top&gt;&#10;      &lt;Width&gt;151.1811&lt;/Width&gt;&#10;      &lt;Height&gt;25.51181&lt;/Height&gt;&#10;    &lt;/SubGrid&gt;&#10;    &lt;SubGrid&gt;&#10;      &lt;Left&gt;378.897644&lt;/Left&gt;&#10;      &lt;Top&gt;25.51181&lt;/Top&gt;&#10;      &lt;Width&gt;25.51181&lt;/Width&gt;&#10;      &lt;Height&gt;25.51181&lt;/Height&gt;&#10;    &lt;/SubGrid&gt;&#10;    &lt;SubGrid&gt;&#10;      &lt;Left&gt;404.409454&lt;/Left&gt;&#10;      &lt;Top&gt;25.51181&lt;/Top&gt;&#10;      &lt;Width&gt;151.1811&lt;/Width&gt;&#10;      &lt;Height&gt;25.51181&lt;/Height&gt;&#10;    &lt;/SubGrid&gt;&#10;    &lt;SubGrid&gt;&#10;      &lt;Left&gt;555.5906&lt;/Left&gt;&#10;      &lt;Top&gt;25.51181&lt;/Top&gt;&#10;      &lt;Width&gt;25.51181&lt;/Width&gt;&#10;      &lt;Height&gt;25.51181&lt;/Height&gt;&#10;    &lt;/SubGrid&gt;&#10;    &lt;SubGrid&gt;&#10;      &lt;Left&gt;581.102356&lt;/Left&gt;&#10;      &lt;Top&gt;25.51181&lt;/Top&gt;&#10;      &lt;Width&gt;151.1811&lt;/Width&gt;&#10;      &lt;Height&gt;25.51181&lt;/Height&gt;&#10;    &lt;/SubGrid&gt;&#10;    &lt;SubGrid&gt;&#10;      &lt;Left&gt;732.283447&lt;/Left&gt;&#10;      &lt;Top&gt;25.51181&lt;/Top&gt;&#10;      &lt;Width&gt;25.51181&lt;/Width&gt;&#10;      &lt;Height&gt;25.51181&lt;/Height&gt;&#10;    &lt;/SubGrid&gt;&#10;    &lt;SubGrid&gt;&#10;      &lt;Left&gt;757.7953&lt;/Left&gt;&#10;      &lt;Top&gt;25.51181&lt;/Top&gt;&#10;      &lt;Width&gt;151.1811&lt;/Width&gt;&#10;      &lt;Height&gt;25.51181&lt;/Height&gt;&#10;    &lt;/SubGrid&gt;&#10;    &lt;SubGrid&gt;&#10;      &lt;Left&gt;908.9764&lt;/Left&gt;&#10;      &lt;Top&gt;25.51181&lt;/Top&gt;&#10;      &lt;Width&gt;25.51181&lt;/Width&gt;&#10;      &lt;Height&gt;25.51181&lt;/Height&gt;&#10;    &lt;/SubGrid&gt;&#10;    &lt;SubGrid&gt;&#10;      &lt;Left&gt;25.51181&lt;/Left&gt;&#10;      &lt;Top&gt;218.976379&lt;/Top&gt;&#10;      &lt;Width&gt;25.51181&lt;/Width&gt;&#10;      &lt;Height&gt;25.51181&lt;/Height&gt;&#10;    &lt;/SubGrid&gt;&#10;    &lt;SubGrid&gt;&#10;      &lt;Left&gt;25.51181&lt;/Left&gt;&#10;      &lt;Top&gt;244.48819&lt;/Top&gt;&#10;      &lt;Width&gt;25.51181&lt;/Width&gt;&#10;      &lt;Height&gt;25.51181&lt;/Height&gt;&#10;    &lt;/SubGrid&gt;&#10;    &lt;SubGrid&gt;&#10;      &lt;Left&gt;25.51181&lt;/Left&gt;&#10;      &lt;Top&gt;270&lt;/Top&gt;&#10;      &lt;Width&gt;25.51181&lt;/Width&gt;&#10;      &lt;Height&gt;25.51181&lt;/Height&gt;&#10;    &lt;/SubGrid&gt;&#10;    &lt;SubGrid&gt;&#10;      &lt;Left&gt;25.51181&lt;/Left&gt;&#10;      &lt;Top&gt;295.5118&lt;/Top&gt;&#10;      &lt;Width&gt;25.51181&lt;/Width&gt;&#10;      &lt;Height&gt;25.51181&lt;/Height&gt;&#10;    &lt;/SubGrid&gt;&#10;    &lt;SubGrid&gt;&#10;      &lt;Left&gt;51.02362&lt;/Left&gt;&#10;      &lt;Top&gt;295.5118&lt;/Top&gt;&#10;      &lt;Width&gt;151.1811&lt;/Width&gt;&#10;      &lt;Height&gt;25.51181&lt;/Height&gt;&#10;    &lt;/SubGrid&gt;&#10;    &lt;SubGrid&gt;&#10;      &lt;Left&gt;202.204727&lt;/Left&gt;&#10;      &lt;Top&gt;295.5118&lt;/Top&gt;&#10;      &lt;Width&gt;25.51181&lt;/Width&gt;&#10;      &lt;Height&gt;25.51181&lt;/Height&gt;&#10;    &lt;/SubGrid&gt;&#10;    &lt;SubGrid&gt;&#10;      &lt;Left&gt;51.02362&lt;/Left&gt;&#10;      &lt;Top&gt;270&lt;/Top&gt;&#10;      &lt;Width&gt;151.1811&lt;/Width&gt;&#10;      &lt;Height&gt;25.51181&lt;/Height&gt;&#10;    &lt;/SubGrid&gt;&#10;    &lt;SubGrid&gt;&#10;      &lt;Left&gt;202.204727&lt;/Left&gt;&#10;      &lt;Top&gt;270&lt;/Top&gt;&#10;      &lt;Width&gt;25.51181&lt;/Width&gt;&#10;      &lt;Height&gt;25.51181&lt;/Height&gt;&#10;    &lt;/SubGrid&gt;&#10;    &lt;SubGrid&gt;&#10;      &lt;Left&gt;51.02362&lt;/Left&gt;&#10;      &lt;Top&gt;244.48819&lt;/Top&gt;&#10;      &lt;Width&gt;151.1811&lt;/Width&gt;&#10;      &lt;Height&gt;25.51181&lt;/Height&gt;&#10;    &lt;/SubGrid&gt;&#10;    &lt;SubGrid&gt;&#10;      &lt;Left&gt;202.204727&lt;/Left&gt;&#10;      &lt;Top&gt;244.48819&lt;/Top&gt;&#10;      &lt;Width&gt;25.51181&lt;/Width&gt;&#10;      &lt;Height&gt;25.51181&lt;/Height&gt;&#10;    &lt;/SubGrid&gt;&#10;    &lt;SubGrid&gt;&#10;      &lt;Left&gt;51.02362&lt;/Left&gt;&#10;      &lt;Top&gt;218.976379&lt;/Top&gt;&#10;      &lt;Width&gt;151.1811&lt;/Width&gt;&#10;      &lt;Height&gt;25.51181&lt;/Height&gt;&#10;    &lt;/SubGrid&gt;&#10;    &lt;SubGrid&gt;&#10;      &lt;Left&gt;202.204727&lt;/Left&gt;&#10;      &lt;Top&gt;218.976379&lt;/Top&gt;&#10;      &lt;Width&gt;25.51181&lt;/Width&gt;&#10;      &lt;Height&gt;25.51181&lt;/Height&gt;&#10;    &lt;/SubGrid&gt;&#10;    &lt;SubGrid&gt;&#10;      &lt;Left&gt;25.51181&lt;/Left&gt;&#10;      &lt;Top&gt;488.976379&lt;/Top&gt;&#10;      &lt;Width&gt;25.51181&lt;/Width&gt;&#10;      &lt;Height&gt;25.51181&lt;/Height&gt;&#10;    &lt;/SubGrid&gt;&#10;    &lt;SubGrid&gt;&#10;      &lt;Left&gt;51.02362&lt;/Left&gt;&#10;      &lt;Top&gt;488.976379&lt;/Top&gt;&#10;      &lt;Width&gt;151.1811&lt;/Width&gt;&#10;      &lt;Height&gt;25.51181&lt;/Height&gt;&#10;    &lt;/SubGrid&gt;&#10;    &lt;SubGrid&gt;&#10;      &lt;Left&gt;202.204727&lt;/Left&gt;&#10;      &lt;Top&gt;488.976379&lt;/Top&gt;&#10;      &lt;Width&gt;25.51181&lt;/Width&gt;&#10;      &lt;Height&gt;25.51181&lt;/Height&gt;&#10;    &lt;/SubGrid&gt;&#10;    &lt;SubGrid&gt;&#10;      &lt;Left&gt;227.716537&lt;/Left&gt;&#10;      &lt;Top&gt;488.976379&lt;/Top&gt;&#10;      &lt;Width&gt;151.1811&lt;/Width&gt;&#10;      &lt;Height&gt;25.51181&lt;/Height&gt;&#10;    &lt;/SubGrid&gt;&#10;    &lt;SubGrid&gt;&#10;      &lt;Left&gt;378.897644&lt;/Left&gt;&#10;      &lt;Top&gt;488.976379&lt;/Top&gt;&#10;      &lt;Width&gt;25.51181&lt;/Width&gt;&#10;      &lt;Height&gt;25.51181&lt;/Height&gt;&#10;    &lt;/SubGrid&gt;&#10;    &lt;SubGrid&gt;&#10;      &lt;Left&gt;404.409454&lt;/Left&gt;&#10;      &lt;Top&gt;488.976379&lt;/Top&gt;&#10;      &lt;Width&gt;151.1811&lt;/Width&gt;&#10;      &lt;Height&gt;25.51181&lt;/Height&gt;&#10;    &lt;/SubGrid&gt;&#10;    &lt;SubGrid&gt;&#10;      &lt;Left&gt;555.5906&lt;/Left&gt;&#10;      &lt;Top&gt;488.976379&lt;/Top&gt;&#10;      &lt;Width&gt;25.51181&lt;/Width&gt;&#10;      &lt;Height&gt;25.51181&lt;/Height&gt;&#10;    &lt;/SubGrid&gt;&#10;    &lt;SubGrid&gt;&#10;      &lt;Left&gt;581.102356&lt;/Left&gt;&#10;      &lt;Top&gt;488.976379&lt;/Top&gt;&#10;      &lt;Width&gt;151.1811&lt;/Width&gt;&#10;      &lt;Height&gt;25.51181&lt;/Height&gt;&#10;    &lt;/SubGrid&gt;&#10;    &lt;SubGrid&gt;&#10;      &lt;Left&gt;732.283447&lt;/Left&gt;&#10;      &lt;Top&gt;488.976379&lt;/Top&gt;&#10;      &lt;Width&gt;25.51181&lt;/Width&gt;&#10;      &lt;Height&gt;25.51181&lt;/Height&gt;&#10;    &lt;/SubGrid&gt;&#10;    &lt;SubGrid&gt;&#10;      &lt;Left&gt;757.7953&lt;/Left&gt;&#10;      &lt;Top&gt;488.976379&lt;/Top&gt;&#10;      &lt;Width&gt;151.1811&lt;/Width&gt;&#10;      &lt;Height&gt;25.51181&lt;/Height&gt;&#10;    &lt;/SubGrid&gt;&#10;    &lt;SubGrid&gt;&#10;      &lt;Left&gt;908.9764&lt;/Left&gt;&#10;      &lt;Top&gt;488.976379&lt;/Top&gt;&#10;      &lt;Width&gt;25.51181&lt;/Width&gt;&#10;      &lt;Height&gt;25.51181&lt;/Height&gt;&#10;    &lt;/SubGrid&gt;&#10;    &lt;SubGrid&gt;&#10;      &lt;Left&gt;227.716537&lt;/Left&gt;&#10;      &lt;Top&gt;295.5118&lt;/Top&gt;&#10;      &lt;Width&gt;151.1811&lt;/Width&gt;&#10;      &lt;Height&gt;25.51181&lt;/Height&gt;&#10;    &lt;/SubGrid&gt;&#10;    &lt;SubGrid&gt;&#10;      &lt;Left&gt;378.897644&lt;/Left&gt;&#10;      &lt;Top&gt;295.5118&lt;/Top&gt;&#10;      &lt;Width&gt;25.51181&lt;/Width&gt;&#10;      &lt;Height&gt;25.51181&lt;/Height&gt;&#10;    &lt;/SubGrid&gt;&#10;    &lt;SubGrid&gt;&#10;      &lt;Left&gt;227.716537&lt;/Left&gt;&#10;      &lt;Top&gt;270&lt;/Top&gt;&#10;      &lt;Width&gt;151.1811&lt;/Width&gt;&#10;      &lt;Height&gt;25.51181&lt;/Height&gt;&#10;    &lt;/SubGrid&gt;&#10;    &lt;SubGrid&gt;&#10;      &lt;Left&gt;378.897644&lt;/Left&gt;&#10;      &lt;Top&gt;270&lt;/Top&gt;&#10;      &lt;Width&gt;25.51181&lt;/Width&gt;&#10;      &lt;Height&gt;25.51181&lt;/Height&gt;&#10;    &lt;/SubGrid&gt;&#10;    &lt;SubGrid&gt;&#10;      &lt;Left&gt;227.716537&lt;/Left&gt;&#10;      &lt;Top&gt;244.48819&lt;/Top&gt;&#10;      &lt;Width&gt;151.1811&lt;/Width&gt;&#10;      &lt;Height&gt;25.51181&lt;/Height&gt;&#10;    &lt;/SubGrid&gt;&#10;    &lt;SubGrid&gt;&#10;      &lt;Left&gt;378.897644&lt;/Left&gt;&#10;      &lt;Top&gt;244.48819&lt;/Top&gt;&#10;      &lt;Width&gt;25.51181&lt;/Width&gt;&#10;      &lt;Height&gt;25.51181&lt;/Height&gt;&#10;    &lt;/SubGrid&gt;&#10;    &lt;SubGrid&gt;&#10;      &lt;Left&gt;227.716537&lt;/Left&gt;&#10;      &lt;Top&gt;218.976379&lt;/Top&gt;&#10;      &lt;Width&gt;151.1811&lt;/Width&gt;&#10;      &lt;Height&gt;25.51181&lt;/Height&gt;&#10;    &lt;/SubGrid&gt;&#10;    &lt;SubGrid&gt;&#10;      &lt;Left&gt;378.897644&lt;/Left&gt;&#10;      &lt;Top&gt;218.976379&lt;/Top&gt;&#10;      &lt;Width&gt;25.51181&lt;/Width&gt;&#10;      &lt;Height&gt;25.51181&lt;/Height&gt;&#10;    &lt;/SubGrid&gt;&#10;    &lt;SubGrid&gt;&#10;      &lt;Left&gt;404.409454&lt;/Left&gt;&#10;      &lt;Top&gt;295.5118&lt;/Top&gt;&#10;      &lt;Width&gt;151.1811&lt;/Width&gt;&#10;      &lt;Height&gt;25.51181&lt;/Height&gt;&#10;    &lt;/SubGrid&gt;&#10;    &lt;SubGrid&gt;&#10;      &lt;Left&gt;555.5906&lt;/Left&gt;&#10;      &lt;Top&gt;295.5118&lt;/Top&gt;&#10;      &lt;Width&gt;25.51181&lt;/Width&gt;&#10;      &lt;Height&gt;25.51181&lt;/Height&gt;&#10;    &lt;/SubGrid&gt;&#10;    &lt;SubGrid&gt;&#10;      &lt;Left&gt;404.409454&lt;/Left&gt;&#10;      &lt;Top&gt;270&lt;/Top&gt;&#10;      &lt;Width&gt;151.1811&lt;/Width&gt;&#10;      &lt;Height&gt;25.51181&lt;/Height&gt;&#10;    &lt;/SubGrid&gt;&#10;    &lt;SubGrid&gt;&#10;      &lt;Left&gt;555.5906&lt;/Left&gt;&#10;      &lt;Top&gt;270&lt;/Top&gt;&#10;      &lt;Width&gt;25.51181&lt;/Width&gt;&#10;      &lt;Height&gt;25.51181&lt;/Height&gt;&#10;    &lt;/SubGrid&gt;&#10;    &lt;SubGrid&gt;&#10;      &lt;Left&gt;404.409454&lt;/Left&gt;&#10;      &lt;Top&gt;244.48819&lt;/Top&gt;&#10;      &lt;Width&gt;151.1811&lt;/Width&gt;&#10;      &lt;Height&gt;25.51181&lt;/Height&gt;&#10;    &lt;/SubGrid&gt;&#10;    &lt;SubGrid&gt;&#10;      &lt;Left&gt;555.5906&lt;/Left&gt;&#10;      &lt;Top&gt;244.48819&lt;/Top&gt;&#10;      &lt;Width&gt;25.51181&lt;/Width&gt;&#10;      &lt;Height&gt;25.51181&lt;/Height&gt;&#10;    &lt;/SubGrid&gt;&#10;    &lt;SubGrid&gt;&#10;      &lt;Left&gt;404.409454&lt;/Left&gt;&#10;      &lt;Top&gt;218.976379&lt;/Top&gt;&#10;      &lt;Width&gt;151.1811&lt;/Width&gt;&#10;      &lt;Height&gt;25.51181&lt;/Height&gt;&#10;    &lt;/SubGrid&gt;&#10;    &lt;SubGrid&gt;&#10;      &lt;Left&gt;555.5906&lt;/Left&gt;&#10;      &lt;Top&gt;218.976379&lt;/Top&gt;&#10;      &lt;Width&gt;25.51181&lt;/Width&gt;&#10;      &lt;Height&gt;25.51181&lt;/Height&gt;&#10;    &lt;/SubGrid&gt;&#10;    &lt;SubGrid&gt;&#10;      &lt;Left&gt;581.102356&lt;/Left&gt;&#10;      &lt;Top&gt;295.5118&lt;/Top&gt;&#10;      &lt;Width&gt;151.1811&lt;/Width&gt;&#10;      &lt;Height&gt;25.51181&lt;/Height&gt;&#10;    &lt;/SubGrid&gt;&#10;    &lt;SubGrid&gt;&#10;      &lt;Left&gt;732.283447&lt;/Left&gt;&#10;      &lt;Top&gt;295.5118&lt;/Top&gt;&#10;      &lt;Width&gt;25.51181&lt;/Width&gt;&#10;      &lt;Height&gt;25.51181&lt;/Height&gt;&#10;    &lt;/SubGrid&gt;&#10;    &lt;SubGrid&gt;&#10;      &lt;Left&gt;581.102356&lt;/Left&gt;&#10;      &lt;Top&gt;270&lt;/Top&gt;&#10;      &lt;Width&gt;151.1811&lt;/Width&gt;&#10;      &lt;Height&gt;25.51181&lt;/Height&gt;&#10;    &lt;/SubGrid&gt;&#10;    &lt;SubGrid&gt;&#10;      &lt;Left&gt;732.283447&lt;/Left&gt;&#10;      &lt;Top&gt;270&lt;/Top&gt;&#10;      &lt;Width&gt;25.51181&lt;/Width&gt;&#10;      &lt;Height&gt;25.51181&lt;/Height&gt;&#10;    &lt;/SubGrid&gt;&#10;    &lt;SubGrid&gt;&#10;      &lt;Left&gt;581.102356&lt;/Left&gt;&#10;      &lt;Top&gt;244.48819&lt;/Top&gt;&#10;      &lt;Width&gt;151.1811&lt;/Width&gt;&#10;      &lt;Height&gt;25.51181&lt;/Height&gt;&#10;    &lt;/SubGrid&gt;&#10;    &lt;SubGrid&gt;&#10;      &lt;Left&gt;732.283447&lt;/Left&gt;&#10;      &lt;Top&gt;244.48819&lt;/Top&gt;&#10;      &lt;Width&gt;25.51181&lt;/Width&gt;&#10;      &lt;Height&gt;25.51181&lt;/Height&gt;&#10;    &lt;/SubGrid&gt;&#10;    &lt;SubGrid&gt;&#10;      &lt;Left&gt;581.102356&lt;/Left&gt;&#10;      &lt;Top&gt;218.976379&lt;/Top&gt;&#10;      &lt;Width&gt;151.1811&lt;/Width&gt;&#10;      &lt;Height&gt;25.51181&lt;/Height&gt;&#10;    &lt;/SubGrid&gt;&#10;    &lt;SubGrid&gt;&#10;      &lt;Left&gt;732.283447&lt;/Left&gt;&#10;      &lt;Top&gt;218.976379&lt;/Top&gt;&#10;      &lt;Width&gt;25.51181&lt;/Width&gt;&#10;      &lt;Height&gt;25.51181&lt;/Height&gt;&#10;    &lt;/SubGrid&gt;&#10;    &lt;SubGrid&gt;&#10;      &lt;Left&gt;757.7953&lt;/Left&gt;&#10;      &lt;Top&gt;295.5118&lt;/Top&gt;&#10;      &lt;Width&gt;151.1811&lt;/Width&gt;&#10;      &lt;Height&gt;25.51181&lt;/Height&gt;&#10;    &lt;/SubGrid&gt;&#10;    &lt;SubGrid&gt;&#10;      &lt;Left&gt;908.9764&lt;/Left&gt;&#10;      &lt;Top&gt;295.5118&lt;/Top&gt;&#10;      &lt;Width&gt;25.51181&lt;/Width&gt;&#10;      &lt;Height&gt;25.51181&lt;/Height&gt;&#10;    &lt;/SubGrid&gt;&#10;    &lt;SubGrid&gt;&#10;      &lt;Left&gt;757.7953&lt;/Left&gt;&#10;      &lt;Top&gt;270&lt;/Top&gt;&#10;      &lt;Width&gt;151.1811&lt;/Width&gt;&#10;      &lt;Height&gt;25.51181&lt;/Height&gt;&#10;    &lt;/SubGrid&gt;&#10;    &lt;SubGrid&gt;&#10;      &lt;Left&gt;908.9764&lt;/Left&gt;&#10;      &lt;Top&gt;270&lt;/Top&gt;&#10;      &lt;Width&gt;25.51181&lt;/Width&gt;&#10;      &lt;Height&gt;25.51181&lt;/Height&gt;&#10;    &lt;/SubGrid&gt;&#10;    &lt;SubGrid&gt;&#10;      &lt;Left&gt;757.7953&lt;/Left&gt;&#10;      &lt;Top&gt;244.48819&lt;/Top&gt;&#10;      &lt;Width&gt;151.1811&lt;/Width&gt;&#10;      &lt;Height&gt;25.51181&lt;/Height&gt;&#10;    &lt;/SubGrid&gt;&#10;    &lt;SubGrid&gt;&#10;      &lt;Left&gt;908.9764&lt;/Left&gt;&#10;      &lt;Top&gt;244.48819&lt;/Top&gt;&#10;      &lt;Width&gt;25.51181&lt;/Width&gt;&#10;      &lt;Height&gt;25.51181&lt;/Height&gt;&#10;    &lt;/SubGrid&gt;&#10;    &lt;SubGrid&gt;&#10;      &lt;Left&gt;757.7953&lt;/Left&gt;&#10;      &lt;Top&gt;218.976379&lt;/Top&gt;&#10;      &lt;Width&gt;151.1811&lt;/Width&gt;&#10;      &lt;Height&gt;25.51181&lt;/Height&gt;&#10;    &lt;/SubGrid&gt;&#10;    &lt;SubGrid&gt;&#10;      &lt;Left&gt;908.9764&lt;/Left&gt;&#10;      &lt;Top&gt;218.976379&lt;/Top&gt;&#10;      &lt;Width&gt;25.51181&lt;/Width&gt;&#10;      &lt;Height&gt;25.51181&lt;/Height&gt;&#10;    &lt;/SubGrid&gt;&#10;    &lt;SubGrid&gt;&#10;      &lt;Left&gt;25.51181&lt;/Left&gt;&#10;      &lt;Top&gt;51.02362&lt;/Top&gt;&#10;      &lt;Width&gt;25.51181&lt;/Width&gt;&#10;      &lt;Height&gt;167.952759&lt;/Height&gt;&#10;    &lt;/SubGrid&gt;&#10;    &lt;SubGrid&gt;&#10;      &lt;Left&gt;202.204727&lt;/Left&gt;&#10;      &lt;Top&gt;51.02362&lt;/Top&gt;&#10;      &lt;Width&gt;25.51181&lt;/Width&gt;&#10;      &lt;Height&gt;167.952759&lt;/Height&gt;&#10;    &lt;/SubGrid&gt;&#10;    &lt;SubGrid&gt;&#10;      &lt;Left&gt;378.897644&lt;/Left&gt;&#10;      &lt;Top&gt;51.02362&lt;/Top&gt;&#10;      &lt;Width&gt;25.51181&lt;/Width&gt;&#10;      &lt;Height&gt;167.952759&lt;/Height&gt;&#10;    &lt;/SubGrid&gt;&#10;    &lt;SubGrid&gt;&#10;      &lt;Left&gt;555.5906&lt;/Left&gt;&#10;      &lt;Top&gt;51.02362&lt;/Top&gt;&#10;      &lt;Width&gt;25.51181&lt;/Width&gt;&#10;      &lt;Height&gt;167.952759&lt;/Height&gt;&#10;    &lt;/SubGrid&gt;&#10;    &lt;SubGrid&gt;&#10;      &lt;Left&gt;732.283447&lt;/Left&gt;&#10;      &lt;Top&gt;51.02362&lt;/Top&gt;&#10;      &lt;Width&gt;25.51181&lt;/Width&gt;&#10;      &lt;Height&gt;167.952759&lt;/Height&gt;&#10;    &lt;/SubGrid&gt;&#10;    &lt;SubGrid&gt;&#10;      &lt;Left&gt;908.9764&lt;/Left&gt;&#10;      &lt;Top&gt;51.02362&lt;/Top&gt;&#10;      &lt;Width&gt;25.51181&lt;/Width&gt;&#10;      &lt;Height&gt;167.952759&lt;/Height&gt;&#10;    &lt;/SubGrid&gt;&#10;    &lt;SubGrid&gt;&#10;      &lt;Left&gt;25.51181&lt;/Left&gt;&#10;      &lt;Top&gt;321.023621&lt;/Top&gt;&#10;      &lt;Width&gt;25.51181&lt;/Width&gt;&#10;      &lt;Height&gt;167.952759&lt;/Height&gt;&#10;    &lt;/SubGrid&gt;&#10;    &lt;SubGrid&gt;&#10;      &lt;Left&gt;202.204727&lt;/Left&gt;&#10;      &lt;Top&gt;321.023621&lt;/Top&gt;&#10;      &lt;Width&gt;25.51181&lt;/Width&gt;&#10;      &lt;Height&gt;167.952759&lt;/Height&gt;&#10;    &lt;/SubGrid&gt;&#10;    &lt;SubGrid&gt;&#10;      &lt;Left&gt;378.897644&lt;/Left&gt;&#10;      &lt;Top&gt;321.023621&lt;/Top&gt;&#10;      &lt;Width&gt;25.51181&lt;/Width&gt;&#10;      &lt;Height&gt;167.952759&lt;/Height&gt;&#10;    &lt;/SubGrid&gt;&#10;    &lt;SubGrid&gt;&#10;      &lt;Left&gt;555.5906&lt;/Left&gt;&#10;      &lt;Top&gt;321.023621&lt;/Top&gt;&#10;      &lt;Width&gt;25.51181&lt;/Width&gt;&#10;      &lt;Height&gt;167.952759&lt;/Height&gt;&#10;    &lt;/SubGrid&gt;&#10;    &lt;SubGrid&gt;&#10;      &lt;Left&gt;732.283447&lt;/Left&gt;&#10;      &lt;Top&gt;321.023621&lt;/Top&gt;&#10;      &lt;Width&gt;25.51181&lt;/Width&gt;&#10;      &lt;Height&gt;167.952759&lt;/Height&gt;&#10;    &lt;/SubGrid&gt;&#10;    &lt;SubGrid&gt;&#10;      &lt;Left&gt;908.9764&lt;/Left&gt;&#10;      &lt;Top&gt;321.023621&lt;/Top&gt;&#10;      &lt;Width&gt;25.51181&lt;/Width&gt;&#10;      &lt;Height&gt;167.952759&lt;/Height&gt;&#10;    &lt;/SubGrid&gt;&#10;    &lt;SubGrid&gt;&#10;      &lt;Left&gt;51.02362&lt;/Left&gt;&#10;      &lt;Top&gt;51.02362&lt;/Top&gt;&#10;      &lt;Width&gt;151.1811&lt;/Width&gt;&#10;      &lt;Height&gt;167.952759&lt;/Height&gt;&#10;    &lt;/SubGrid&gt;&#10;    &lt;SubGrid&gt;&#10;      &lt;Left&gt;227.716537&lt;/Left&gt;&#10;      &lt;Top&gt;51.02362&lt;/Top&gt;&#10;      &lt;Width&gt;151.1811&lt;/Width&gt;&#10;      &lt;Height&gt;167.952759&lt;/Height&gt;&#10;    &lt;/SubGrid&gt;&#10;    &lt;SubGrid&gt;&#10;      &lt;Left&gt;404.409454&lt;/Left&gt;&#10;      &lt;Top&gt;51.02362&lt;/Top&gt;&#10;      &lt;Width&gt;151.1811&lt;/Width&gt;&#10;      &lt;Height&gt;167.952759&lt;/Height&gt;&#10;    &lt;/SubGrid&gt;&#10;    &lt;SubGrid&gt;&#10;      &lt;Left&gt;581.102356&lt;/Left&gt;&#10;      &lt;Top&gt;51.02362&lt;/Top&gt;&#10;      &lt;Width&gt;151.1811&lt;/Width&gt;&#10;      &lt;Height&gt;167.952759&lt;/Height&gt;&#10;    &lt;/SubGrid&gt;&#10;    &lt;SubGrid&gt;&#10;      &lt;Left&gt;757.7953&lt;/Left&gt;&#10;      &lt;Top&gt;51.02362&lt;/Top&gt;&#10;      &lt;Width&gt;151.1811&lt;/Width&gt;&#10;      &lt;Height&gt;167.952759&lt;/Height&gt;&#10;    &lt;/SubGrid&gt;&#10;    &lt;SubGrid&gt;&#10;      &lt;Left&gt;51.02362&lt;/Left&gt;&#10;      &lt;Top&gt;321.023621&lt;/Top&gt;&#10;      &lt;Width&gt;151.1811&lt;/Width&gt;&#10;      &lt;Height&gt;167.952759&lt;/Height&gt;&#10;    &lt;/SubGrid&gt;&#10;    &lt;SubGrid&gt;&#10;      &lt;Left&gt;227.716537&lt;/Left&gt;&#10;      &lt;Top&gt;321.023621&lt;/Top&gt;&#10;      &lt;Width&gt;151.1811&lt;/Width&gt;&#10;      &lt;Height&gt;167.952759&lt;/Height&gt;&#10;    &lt;/SubGrid&gt;&#10;    &lt;SubGrid&gt;&#10;      &lt;Left&gt;404.409454&lt;/Left&gt;&#10;      &lt;Top&gt;321.023621&lt;/Top&gt;&#10;      &lt;Width&gt;151.1811&lt;/Width&gt;&#10;      &lt;Height&gt;167.952759&lt;/Height&gt;&#10;    &lt;/SubGrid&gt;&#10;    &lt;SubGrid&gt;&#10;      &lt;Left&gt;581.102356&lt;/Left&gt;&#10;      &lt;Top&gt;321.023621&lt;/Top&gt;&#10;      &lt;Width&gt;151.1811&lt;/Width&gt;&#10;      &lt;Height&gt;167.952759&lt;/Height&gt;&#10;    &lt;/SubGrid&gt;&#10;    &lt;SubGrid&gt;&#10;      &lt;Left&gt;757.7953&lt;/Left&gt;&#10;      &lt;Top&gt;321.023621&lt;/Top&gt;&#10;      &lt;Width&gt;151.1811&lt;/Width&gt;&#10;      &lt;Height&gt;167.952759&lt;/Height&gt;&#10;    &lt;/SubGrid&gt;&#10;  &lt;/SubGrids&gt;&#10;  &lt;WorkArea&gt;&#10;    &lt;Top&gt;25.51181&lt;/Top&gt;&#10;    &lt;Left&gt;25.51181&lt;/Left&gt;&#10;    &lt;Width&gt;908.9764&lt;/Width&gt;&#10;    &lt;Height&gt;488.976379&lt;/Height&gt;&#10;  &lt;/WorkArea&gt;&#10;  &lt;AspectW&gt;-1&lt;/AspectW&gt;&#10;  &lt;AspectH&gt;-1&lt;/AspectH&gt;&#10;  &lt;Width&gt;960&lt;/Width&gt;&#10;  &lt;Height&gt;540&lt;/Height&gt;&#10;  &lt;HGap&gt;5&lt;/HGap&gt;&#10;  &lt;VGap&gt;5&lt;/VGap&gt;&#10;  &lt;OfficeVersion&gt;-1&lt;/OfficeVersion&gt;&#10;&lt;/GridTheme&gt;" hidden="1">
            <a:extLst>
              <a:ext uri="{FF2B5EF4-FFF2-40B4-BE49-F238E27FC236}">
                <a16:creationId xmlns:a16="http://schemas.microsoft.com/office/drawing/2014/main" id="{F5F0A4E1-4330-49F4-88F5-A83195F8511C}"/>
              </a:ext>
            </a:extLst>
          </p:cNvPr>
          <p:cNvSpPr/>
          <p:nvPr userDrawn="1"/>
        </p:nvSpPr>
        <p:spPr>
          <a:xfrm>
            <a:off x="324000" y="324000"/>
            <a:ext cx="11544000" cy="6210000"/>
          </a:xfrm>
          <a:prstGeom prst="rect">
            <a:avLst/>
          </a:prstGeom>
          <a:solidFill>
            <a:srgbClr val="E6E6E6"/>
          </a:solidFill>
          <a:ln w="31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F30BD45F-E3FD-4877-8E01-D258D6C49ED2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32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61F8F4EB-98F9-49C6-AD23-0434FEEA7DAD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648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5461F43A-D29F-4117-83B4-78ECC6A90694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2568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3885B838-2022-4A1F-A84B-BB1127E2EE43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2892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AC6417FB-6B96-4CAA-9A61-CE3C85379335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4812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88F2338E-050E-4997-B5FD-16609E6B05AC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5136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65330914-84C1-4EFF-8088-9FF9153B21A3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7056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0D9F1F0C-68CC-4F13-A58D-7D5850D6BABB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7380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FCD1A103-17AC-4A34-8A1D-92E20B67C019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9300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6D17E478-3C99-48E5-91A4-253FD970A082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9624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ACBDE3FC-87C8-4EA6-8040-812BA3745D76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1154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994EE5B0-B3FC-43D9-8B31-B03CA4819265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32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71B943CE-F983-40CB-852B-B348DA0EECF9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32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195AE9FF-57B5-4B28-95BD-65EB616F8339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32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09C4273C-D9B3-4E1C-BECF-E403BC0FED81}"/>
              </a:ext>
            </a:extLst>
          </p:cNvPr>
          <p:cNvSpPr/>
          <p:nvPr userDrawn="1">
            <p:custDataLst>
              <p:tags r:id="rId53"/>
            </p:custDataLst>
          </p:nvPr>
        </p:nvSpPr>
        <p:spPr>
          <a:xfrm>
            <a:off x="32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D61A9C98-DFAC-4C93-9FC3-FA4B7268AFD4}"/>
              </a:ext>
            </a:extLst>
          </p:cNvPr>
          <p:cNvSpPr/>
          <p:nvPr userDrawn="1">
            <p:custDataLst>
              <p:tags r:id="rId54"/>
            </p:custDataLst>
          </p:nvPr>
        </p:nvSpPr>
        <p:spPr>
          <a:xfrm>
            <a:off x="648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2738953D-847C-44BC-BB1D-3E35D57608D4}"/>
              </a:ext>
            </a:extLst>
          </p:cNvPr>
          <p:cNvSpPr/>
          <p:nvPr userDrawn="1">
            <p:custDataLst>
              <p:tags r:id="rId55"/>
            </p:custDataLst>
          </p:nvPr>
        </p:nvSpPr>
        <p:spPr>
          <a:xfrm>
            <a:off x="2568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A85DD5C0-07B7-493F-ACD2-090488BDD5B6}"/>
              </a:ext>
            </a:extLst>
          </p:cNvPr>
          <p:cNvSpPr/>
          <p:nvPr userDrawn="1">
            <p:custDataLst>
              <p:tags r:id="rId56"/>
            </p:custDataLst>
          </p:nvPr>
        </p:nvSpPr>
        <p:spPr>
          <a:xfrm>
            <a:off x="648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37" name="Rectangle 36" hidden="1">
            <a:extLst>
              <a:ext uri="{FF2B5EF4-FFF2-40B4-BE49-F238E27FC236}">
                <a16:creationId xmlns:a16="http://schemas.microsoft.com/office/drawing/2014/main" id="{2D03EC4E-106A-492D-9392-E8DAE462F1BE}"/>
              </a:ext>
            </a:extLst>
          </p:cNvPr>
          <p:cNvSpPr/>
          <p:nvPr userDrawn="1">
            <p:custDataLst>
              <p:tags r:id="rId57"/>
            </p:custDataLst>
          </p:nvPr>
        </p:nvSpPr>
        <p:spPr>
          <a:xfrm>
            <a:off x="2568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5" name="Rectangle 44" hidden="1">
            <a:extLst>
              <a:ext uri="{FF2B5EF4-FFF2-40B4-BE49-F238E27FC236}">
                <a16:creationId xmlns:a16="http://schemas.microsoft.com/office/drawing/2014/main" id="{20022031-21E7-4D6F-92EB-D2DDACC3013D}"/>
              </a:ext>
            </a:extLst>
          </p:cNvPr>
          <p:cNvSpPr/>
          <p:nvPr userDrawn="1">
            <p:custDataLst>
              <p:tags r:id="rId58"/>
            </p:custDataLst>
          </p:nvPr>
        </p:nvSpPr>
        <p:spPr>
          <a:xfrm>
            <a:off x="648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6" name="Rectangle 45" hidden="1">
            <a:extLst>
              <a:ext uri="{FF2B5EF4-FFF2-40B4-BE49-F238E27FC236}">
                <a16:creationId xmlns:a16="http://schemas.microsoft.com/office/drawing/2014/main" id="{0D8C0033-6DD1-44FA-8D1E-C266A6CB5E58}"/>
              </a:ext>
            </a:extLst>
          </p:cNvPr>
          <p:cNvSpPr/>
          <p:nvPr userDrawn="1">
            <p:custDataLst>
              <p:tags r:id="rId59"/>
            </p:custDataLst>
          </p:nvPr>
        </p:nvSpPr>
        <p:spPr>
          <a:xfrm>
            <a:off x="2568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7" name="Rectangle 46" hidden="1">
            <a:extLst>
              <a:ext uri="{FF2B5EF4-FFF2-40B4-BE49-F238E27FC236}">
                <a16:creationId xmlns:a16="http://schemas.microsoft.com/office/drawing/2014/main" id="{5405C511-8E76-4F70-B418-D42EFC88B59C}"/>
              </a:ext>
            </a:extLst>
          </p:cNvPr>
          <p:cNvSpPr/>
          <p:nvPr userDrawn="1">
            <p:custDataLst>
              <p:tags r:id="rId60"/>
            </p:custDataLst>
          </p:nvPr>
        </p:nvSpPr>
        <p:spPr>
          <a:xfrm>
            <a:off x="648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8" name="Rectangle 47" hidden="1">
            <a:extLst>
              <a:ext uri="{FF2B5EF4-FFF2-40B4-BE49-F238E27FC236}">
                <a16:creationId xmlns:a16="http://schemas.microsoft.com/office/drawing/2014/main" id="{3A318B50-011A-4077-B856-5AA6365091AC}"/>
              </a:ext>
            </a:extLst>
          </p:cNvPr>
          <p:cNvSpPr/>
          <p:nvPr userDrawn="1">
            <p:custDataLst>
              <p:tags r:id="rId61"/>
            </p:custDataLst>
          </p:nvPr>
        </p:nvSpPr>
        <p:spPr>
          <a:xfrm>
            <a:off x="2568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6A2BCA5B-FE07-43B1-A4B7-31BD6164A6E4}"/>
              </a:ext>
            </a:extLst>
          </p:cNvPr>
          <p:cNvSpPr/>
          <p:nvPr userDrawn="1">
            <p:custDataLst>
              <p:tags r:id="rId62"/>
            </p:custDataLst>
          </p:nvPr>
        </p:nvSpPr>
        <p:spPr>
          <a:xfrm>
            <a:off x="32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5C40FFBD-7783-45AC-8A2B-097F0420F8BE}"/>
              </a:ext>
            </a:extLst>
          </p:cNvPr>
          <p:cNvSpPr/>
          <p:nvPr userDrawn="1">
            <p:custDataLst>
              <p:tags r:id="rId63"/>
            </p:custDataLst>
          </p:nvPr>
        </p:nvSpPr>
        <p:spPr>
          <a:xfrm>
            <a:off x="648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4CEBE773-5EE2-48C7-957B-8390AB5ACC07}"/>
              </a:ext>
            </a:extLst>
          </p:cNvPr>
          <p:cNvSpPr/>
          <p:nvPr userDrawn="1">
            <p:custDataLst>
              <p:tags r:id="rId64"/>
            </p:custDataLst>
          </p:nvPr>
        </p:nvSpPr>
        <p:spPr>
          <a:xfrm>
            <a:off x="2568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A88B1085-4452-48B2-ABE2-B39A1F2C8B5C}"/>
              </a:ext>
            </a:extLst>
          </p:cNvPr>
          <p:cNvSpPr/>
          <p:nvPr userDrawn="1">
            <p:custDataLst>
              <p:tags r:id="rId65"/>
            </p:custDataLst>
          </p:nvPr>
        </p:nvSpPr>
        <p:spPr>
          <a:xfrm>
            <a:off x="2892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35677462-D07F-483C-9C29-E04937D96970}"/>
              </a:ext>
            </a:extLst>
          </p:cNvPr>
          <p:cNvSpPr/>
          <p:nvPr userDrawn="1">
            <p:custDataLst>
              <p:tags r:id="rId66"/>
            </p:custDataLst>
          </p:nvPr>
        </p:nvSpPr>
        <p:spPr>
          <a:xfrm>
            <a:off x="4812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719982BD-DEFC-4091-A576-C424DBA3C4DD}"/>
              </a:ext>
            </a:extLst>
          </p:cNvPr>
          <p:cNvSpPr/>
          <p:nvPr userDrawn="1">
            <p:custDataLst>
              <p:tags r:id="rId67"/>
            </p:custDataLst>
          </p:nvPr>
        </p:nvSpPr>
        <p:spPr>
          <a:xfrm>
            <a:off x="5136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09DABF0B-9E1E-4C4B-B44A-B858D0F51253}"/>
              </a:ext>
            </a:extLst>
          </p:cNvPr>
          <p:cNvSpPr/>
          <p:nvPr userDrawn="1">
            <p:custDataLst>
              <p:tags r:id="rId68"/>
            </p:custDataLst>
          </p:nvPr>
        </p:nvSpPr>
        <p:spPr>
          <a:xfrm>
            <a:off x="7056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4C2D3A6A-66FD-4AEE-8C1E-B6E5EECF6AC4}"/>
              </a:ext>
            </a:extLst>
          </p:cNvPr>
          <p:cNvSpPr/>
          <p:nvPr userDrawn="1">
            <p:custDataLst>
              <p:tags r:id="rId69"/>
            </p:custDataLst>
          </p:nvPr>
        </p:nvSpPr>
        <p:spPr>
          <a:xfrm>
            <a:off x="7380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2D1F338B-CF9E-4B33-946A-4DB709760AF6}"/>
              </a:ext>
            </a:extLst>
          </p:cNvPr>
          <p:cNvSpPr/>
          <p:nvPr userDrawn="1">
            <p:custDataLst>
              <p:tags r:id="rId70"/>
            </p:custDataLst>
          </p:nvPr>
        </p:nvSpPr>
        <p:spPr>
          <a:xfrm>
            <a:off x="9300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C62DDC7A-A75D-47D1-8199-CF07F2BDFB07}"/>
              </a:ext>
            </a:extLst>
          </p:cNvPr>
          <p:cNvSpPr/>
          <p:nvPr userDrawn="1">
            <p:custDataLst>
              <p:tags r:id="rId71"/>
            </p:custDataLst>
          </p:nvPr>
        </p:nvSpPr>
        <p:spPr>
          <a:xfrm>
            <a:off x="9624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8B5BE77-B2A7-4D7F-8E0B-C3E954ED65B5}"/>
              </a:ext>
            </a:extLst>
          </p:cNvPr>
          <p:cNvSpPr/>
          <p:nvPr userDrawn="1">
            <p:custDataLst>
              <p:tags r:id="rId72"/>
            </p:custDataLst>
          </p:nvPr>
        </p:nvSpPr>
        <p:spPr>
          <a:xfrm>
            <a:off x="1154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FCFBBBC3-8FB6-4FAC-ADAD-D2D96E64A22C}"/>
              </a:ext>
            </a:extLst>
          </p:cNvPr>
          <p:cNvSpPr/>
          <p:nvPr userDrawn="1">
            <p:custDataLst>
              <p:tags r:id="rId73"/>
            </p:custDataLst>
          </p:nvPr>
        </p:nvSpPr>
        <p:spPr>
          <a:xfrm>
            <a:off x="2892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1" name="Rectangle 60" hidden="1">
            <a:extLst>
              <a:ext uri="{FF2B5EF4-FFF2-40B4-BE49-F238E27FC236}">
                <a16:creationId xmlns:a16="http://schemas.microsoft.com/office/drawing/2014/main" id="{2C5A7DD2-B5CE-413A-9B54-583BA9EBCDFF}"/>
              </a:ext>
            </a:extLst>
          </p:cNvPr>
          <p:cNvSpPr/>
          <p:nvPr userDrawn="1">
            <p:custDataLst>
              <p:tags r:id="rId74"/>
            </p:custDataLst>
          </p:nvPr>
        </p:nvSpPr>
        <p:spPr>
          <a:xfrm>
            <a:off x="4812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2" name="Rectangle 61" hidden="1">
            <a:extLst>
              <a:ext uri="{FF2B5EF4-FFF2-40B4-BE49-F238E27FC236}">
                <a16:creationId xmlns:a16="http://schemas.microsoft.com/office/drawing/2014/main" id="{D9461BA4-4B7F-4140-AC43-136B90730752}"/>
              </a:ext>
            </a:extLst>
          </p:cNvPr>
          <p:cNvSpPr/>
          <p:nvPr userDrawn="1">
            <p:custDataLst>
              <p:tags r:id="rId75"/>
            </p:custDataLst>
          </p:nvPr>
        </p:nvSpPr>
        <p:spPr>
          <a:xfrm>
            <a:off x="2892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3" name="Rectangle 62" hidden="1">
            <a:extLst>
              <a:ext uri="{FF2B5EF4-FFF2-40B4-BE49-F238E27FC236}">
                <a16:creationId xmlns:a16="http://schemas.microsoft.com/office/drawing/2014/main" id="{DEB946CF-96A1-4659-9385-72D850C9C025}"/>
              </a:ext>
            </a:extLst>
          </p:cNvPr>
          <p:cNvSpPr/>
          <p:nvPr userDrawn="1">
            <p:custDataLst>
              <p:tags r:id="rId76"/>
            </p:custDataLst>
          </p:nvPr>
        </p:nvSpPr>
        <p:spPr>
          <a:xfrm>
            <a:off x="4812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4" name="Rectangle 63" hidden="1">
            <a:extLst>
              <a:ext uri="{FF2B5EF4-FFF2-40B4-BE49-F238E27FC236}">
                <a16:creationId xmlns:a16="http://schemas.microsoft.com/office/drawing/2014/main" id="{742C5205-4F49-47AB-B503-BC7F63858642}"/>
              </a:ext>
            </a:extLst>
          </p:cNvPr>
          <p:cNvSpPr/>
          <p:nvPr userDrawn="1">
            <p:custDataLst>
              <p:tags r:id="rId77"/>
            </p:custDataLst>
          </p:nvPr>
        </p:nvSpPr>
        <p:spPr>
          <a:xfrm>
            <a:off x="2892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5" name="Rectangle 64" hidden="1">
            <a:extLst>
              <a:ext uri="{FF2B5EF4-FFF2-40B4-BE49-F238E27FC236}">
                <a16:creationId xmlns:a16="http://schemas.microsoft.com/office/drawing/2014/main" id="{5B2DC920-B604-43E9-ADC1-B26167353D44}"/>
              </a:ext>
            </a:extLst>
          </p:cNvPr>
          <p:cNvSpPr/>
          <p:nvPr userDrawn="1">
            <p:custDataLst>
              <p:tags r:id="rId78"/>
            </p:custDataLst>
          </p:nvPr>
        </p:nvSpPr>
        <p:spPr>
          <a:xfrm>
            <a:off x="4812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6" name="Rectangle 65" hidden="1">
            <a:extLst>
              <a:ext uri="{FF2B5EF4-FFF2-40B4-BE49-F238E27FC236}">
                <a16:creationId xmlns:a16="http://schemas.microsoft.com/office/drawing/2014/main" id="{419CE6B2-B4FC-4BBD-937B-2FAF2EC436EB}"/>
              </a:ext>
            </a:extLst>
          </p:cNvPr>
          <p:cNvSpPr/>
          <p:nvPr userDrawn="1">
            <p:custDataLst>
              <p:tags r:id="rId79"/>
            </p:custDataLst>
          </p:nvPr>
        </p:nvSpPr>
        <p:spPr>
          <a:xfrm>
            <a:off x="2892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7" name="Rectangle 66" hidden="1">
            <a:extLst>
              <a:ext uri="{FF2B5EF4-FFF2-40B4-BE49-F238E27FC236}">
                <a16:creationId xmlns:a16="http://schemas.microsoft.com/office/drawing/2014/main" id="{24F744BF-7A2A-44A1-99AF-BF4D80F50B40}"/>
              </a:ext>
            </a:extLst>
          </p:cNvPr>
          <p:cNvSpPr/>
          <p:nvPr userDrawn="1">
            <p:custDataLst>
              <p:tags r:id="rId80"/>
            </p:custDataLst>
          </p:nvPr>
        </p:nvSpPr>
        <p:spPr>
          <a:xfrm>
            <a:off x="4812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8" name="Rectangle 67" hidden="1">
            <a:extLst>
              <a:ext uri="{FF2B5EF4-FFF2-40B4-BE49-F238E27FC236}">
                <a16:creationId xmlns:a16="http://schemas.microsoft.com/office/drawing/2014/main" id="{4A561C12-BD2C-4ABE-9ACE-047842A9B253}"/>
              </a:ext>
            </a:extLst>
          </p:cNvPr>
          <p:cNvSpPr/>
          <p:nvPr userDrawn="1">
            <p:custDataLst>
              <p:tags r:id="rId81"/>
            </p:custDataLst>
          </p:nvPr>
        </p:nvSpPr>
        <p:spPr>
          <a:xfrm>
            <a:off x="5136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69" name="Rectangle 68" hidden="1">
            <a:extLst>
              <a:ext uri="{FF2B5EF4-FFF2-40B4-BE49-F238E27FC236}">
                <a16:creationId xmlns:a16="http://schemas.microsoft.com/office/drawing/2014/main" id="{1F79B3EE-7015-44C0-B98B-D7976E3CC6C0}"/>
              </a:ext>
            </a:extLst>
          </p:cNvPr>
          <p:cNvSpPr/>
          <p:nvPr userDrawn="1">
            <p:custDataLst>
              <p:tags r:id="rId82"/>
            </p:custDataLst>
          </p:nvPr>
        </p:nvSpPr>
        <p:spPr>
          <a:xfrm>
            <a:off x="7056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0" name="Rectangle 69" hidden="1">
            <a:extLst>
              <a:ext uri="{FF2B5EF4-FFF2-40B4-BE49-F238E27FC236}">
                <a16:creationId xmlns:a16="http://schemas.microsoft.com/office/drawing/2014/main" id="{55195DF3-05B5-49EC-8E2A-6D131BFB07E4}"/>
              </a:ext>
            </a:extLst>
          </p:cNvPr>
          <p:cNvSpPr/>
          <p:nvPr userDrawn="1">
            <p:custDataLst>
              <p:tags r:id="rId83"/>
            </p:custDataLst>
          </p:nvPr>
        </p:nvSpPr>
        <p:spPr>
          <a:xfrm>
            <a:off x="5136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1" name="Rectangle 70" hidden="1">
            <a:extLst>
              <a:ext uri="{FF2B5EF4-FFF2-40B4-BE49-F238E27FC236}">
                <a16:creationId xmlns:a16="http://schemas.microsoft.com/office/drawing/2014/main" id="{6C7ACCBF-3785-451F-8D26-06EB8169ED29}"/>
              </a:ext>
            </a:extLst>
          </p:cNvPr>
          <p:cNvSpPr/>
          <p:nvPr userDrawn="1">
            <p:custDataLst>
              <p:tags r:id="rId84"/>
            </p:custDataLst>
          </p:nvPr>
        </p:nvSpPr>
        <p:spPr>
          <a:xfrm>
            <a:off x="7056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2" name="Rectangle 71" hidden="1">
            <a:extLst>
              <a:ext uri="{FF2B5EF4-FFF2-40B4-BE49-F238E27FC236}">
                <a16:creationId xmlns:a16="http://schemas.microsoft.com/office/drawing/2014/main" id="{0DB1FB36-F0B8-4569-B24C-A7FE882E3A0D}"/>
              </a:ext>
            </a:extLst>
          </p:cNvPr>
          <p:cNvSpPr/>
          <p:nvPr userDrawn="1">
            <p:custDataLst>
              <p:tags r:id="rId85"/>
            </p:custDataLst>
          </p:nvPr>
        </p:nvSpPr>
        <p:spPr>
          <a:xfrm>
            <a:off x="5136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3" name="Rectangle 72" hidden="1">
            <a:extLst>
              <a:ext uri="{FF2B5EF4-FFF2-40B4-BE49-F238E27FC236}">
                <a16:creationId xmlns:a16="http://schemas.microsoft.com/office/drawing/2014/main" id="{A16BF7E9-5EB1-4763-B3B3-B9BDDFCE9368}"/>
              </a:ext>
            </a:extLst>
          </p:cNvPr>
          <p:cNvSpPr/>
          <p:nvPr userDrawn="1">
            <p:custDataLst>
              <p:tags r:id="rId86"/>
            </p:custDataLst>
          </p:nvPr>
        </p:nvSpPr>
        <p:spPr>
          <a:xfrm>
            <a:off x="7056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4" name="Rectangle 73" hidden="1">
            <a:extLst>
              <a:ext uri="{FF2B5EF4-FFF2-40B4-BE49-F238E27FC236}">
                <a16:creationId xmlns:a16="http://schemas.microsoft.com/office/drawing/2014/main" id="{B859330A-8EF0-4EC1-8579-E436CA633192}"/>
              </a:ext>
            </a:extLst>
          </p:cNvPr>
          <p:cNvSpPr/>
          <p:nvPr userDrawn="1">
            <p:custDataLst>
              <p:tags r:id="rId87"/>
            </p:custDataLst>
          </p:nvPr>
        </p:nvSpPr>
        <p:spPr>
          <a:xfrm>
            <a:off x="5136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5" name="Rectangle 74" hidden="1">
            <a:extLst>
              <a:ext uri="{FF2B5EF4-FFF2-40B4-BE49-F238E27FC236}">
                <a16:creationId xmlns:a16="http://schemas.microsoft.com/office/drawing/2014/main" id="{28ADAA1F-5B13-4CA7-92F6-B9BD284DD1E1}"/>
              </a:ext>
            </a:extLst>
          </p:cNvPr>
          <p:cNvSpPr/>
          <p:nvPr userDrawn="1">
            <p:custDataLst>
              <p:tags r:id="rId88"/>
            </p:custDataLst>
          </p:nvPr>
        </p:nvSpPr>
        <p:spPr>
          <a:xfrm>
            <a:off x="7056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6" name="Rectangle 75" hidden="1">
            <a:extLst>
              <a:ext uri="{FF2B5EF4-FFF2-40B4-BE49-F238E27FC236}">
                <a16:creationId xmlns:a16="http://schemas.microsoft.com/office/drawing/2014/main" id="{D063FCBC-0F82-4BF7-A4F3-63086372BCA1}"/>
              </a:ext>
            </a:extLst>
          </p:cNvPr>
          <p:cNvSpPr/>
          <p:nvPr userDrawn="1">
            <p:custDataLst>
              <p:tags r:id="rId89"/>
            </p:custDataLst>
          </p:nvPr>
        </p:nvSpPr>
        <p:spPr>
          <a:xfrm>
            <a:off x="7380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7" name="Rectangle 76" hidden="1">
            <a:extLst>
              <a:ext uri="{FF2B5EF4-FFF2-40B4-BE49-F238E27FC236}">
                <a16:creationId xmlns:a16="http://schemas.microsoft.com/office/drawing/2014/main" id="{CE645546-D2AC-47E6-9FEE-B872688AACBC}"/>
              </a:ext>
            </a:extLst>
          </p:cNvPr>
          <p:cNvSpPr/>
          <p:nvPr userDrawn="1">
            <p:custDataLst>
              <p:tags r:id="rId90"/>
            </p:custDataLst>
          </p:nvPr>
        </p:nvSpPr>
        <p:spPr>
          <a:xfrm>
            <a:off x="9300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8" name="Rectangle 77" hidden="1">
            <a:extLst>
              <a:ext uri="{FF2B5EF4-FFF2-40B4-BE49-F238E27FC236}">
                <a16:creationId xmlns:a16="http://schemas.microsoft.com/office/drawing/2014/main" id="{67D40869-4909-44AB-ADF7-F7E881C8F368}"/>
              </a:ext>
            </a:extLst>
          </p:cNvPr>
          <p:cNvSpPr/>
          <p:nvPr userDrawn="1">
            <p:custDataLst>
              <p:tags r:id="rId91"/>
            </p:custDataLst>
          </p:nvPr>
        </p:nvSpPr>
        <p:spPr>
          <a:xfrm>
            <a:off x="7380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79" name="Rectangle 78" hidden="1">
            <a:extLst>
              <a:ext uri="{FF2B5EF4-FFF2-40B4-BE49-F238E27FC236}">
                <a16:creationId xmlns:a16="http://schemas.microsoft.com/office/drawing/2014/main" id="{135A9F82-A30E-49D6-85D5-F27123AF0F10}"/>
              </a:ext>
            </a:extLst>
          </p:cNvPr>
          <p:cNvSpPr/>
          <p:nvPr userDrawn="1">
            <p:custDataLst>
              <p:tags r:id="rId92"/>
            </p:custDataLst>
          </p:nvPr>
        </p:nvSpPr>
        <p:spPr>
          <a:xfrm>
            <a:off x="9300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0" name="Rectangle 79" hidden="1">
            <a:extLst>
              <a:ext uri="{FF2B5EF4-FFF2-40B4-BE49-F238E27FC236}">
                <a16:creationId xmlns:a16="http://schemas.microsoft.com/office/drawing/2014/main" id="{95983F4E-3EE6-4BD7-AD35-C47ED01C5ED4}"/>
              </a:ext>
            </a:extLst>
          </p:cNvPr>
          <p:cNvSpPr/>
          <p:nvPr userDrawn="1">
            <p:custDataLst>
              <p:tags r:id="rId93"/>
            </p:custDataLst>
          </p:nvPr>
        </p:nvSpPr>
        <p:spPr>
          <a:xfrm>
            <a:off x="7380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1" name="Rectangle 80" hidden="1">
            <a:extLst>
              <a:ext uri="{FF2B5EF4-FFF2-40B4-BE49-F238E27FC236}">
                <a16:creationId xmlns:a16="http://schemas.microsoft.com/office/drawing/2014/main" id="{F717EFA4-0ED4-4A46-9AFD-0F0A6E65D253}"/>
              </a:ext>
            </a:extLst>
          </p:cNvPr>
          <p:cNvSpPr/>
          <p:nvPr userDrawn="1">
            <p:custDataLst>
              <p:tags r:id="rId94"/>
            </p:custDataLst>
          </p:nvPr>
        </p:nvSpPr>
        <p:spPr>
          <a:xfrm>
            <a:off x="9300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2" name="Rectangle 81" hidden="1">
            <a:extLst>
              <a:ext uri="{FF2B5EF4-FFF2-40B4-BE49-F238E27FC236}">
                <a16:creationId xmlns:a16="http://schemas.microsoft.com/office/drawing/2014/main" id="{6E85224F-39CC-4044-9201-BDF5309E2509}"/>
              </a:ext>
            </a:extLst>
          </p:cNvPr>
          <p:cNvSpPr/>
          <p:nvPr userDrawn="1">
            <p:custDataLst>
              <p:tags r:id="rId95"/>
            </p:custDataLst>
          </p:nvPr>
        </p:nvSpPr>
        <p:spPr>
          <a:xfrm>
            <a:off x="7380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3" name="Rectangle 82" hidden="1">
            <a:extLst>
              <a:ext uri="{FF2B5EF4-FFF2-40B4-BE49-F238E27FC236}">
                <a16:creationId xmlns:a16="http://schemas.microsoft.com/office/drawing/2014/main" id="{C5FFBE79-1CFF-48A7-9FA3-6763881AA963}"/>
              </a:ext>
            </a:extLst>
          </p:cNvPr>
          <p:cNvSpPr/>
          <p:nvPr userDrawn="1">
            <p:custDataLst>
              <p:tags r:id="rId96"/>
            </p:custDataLst>
          </p:nvPr>
        </p:nvSpPr>
        <p:spPr>
          <a:xfrm>
            <a:off x="9300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4" name="Rectangle 83" hidden="1">
            <a:extLst>
              <a:ext uri="{FF2B5EF4-FFF2-40B4-BE49-F238E27FC236}">
                <a16:creationId xmlns:a16="http://schemas.microsoft.com/office/drawing/2014/main" id="{C7039B6D-AC56-40A5-858D-599754E1E0AD}"/>
              </a:ext>
            </a:extLst>
          </p:cNvPr>
          <p:cNvSpPr/>
          <p:nvPr userDrawn="1">
            <p:custDataLst>
              <p:tags r:id="rId97"/>
            </p:custDataLst>
          </p:nvPr>
        </p:nvSpPr>
        <p:spPr>
          <a:xfrm>
            <a:off x="9624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5" name="Rectangle 84" hidden="1">
            <a:extLst>
              <a:ext uri="{FF2B5EF4-FFF2-40B4-BE49-F238E27FC236}">
                <a16:creationId xmlns:a16="http://schemas.microsoft.com/office/drawing/2014/main" id="{71018EC8-1FEE-415C-B1E0-DAFC251C6F4F}"/>
              </a:ext>
            </a:extLst>
          </p:cNvPr>
          <p:cNvSpPr/>
          <p:nvPr userDrawn="1">
            <p:custDataLst>
              <p:tags r:id="rId98"/>
            </p:custDataLst>
          </p:nvPr>
        </p:nvSpPr>
        <p:spPr>
          <a:xfrm>
            <a:off x="1154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6" name="Rectangle 85" hidden="1">
            <a:extLst>
              <a:ext uri="{FF2B5EF4-FFF2-40B4-BE49-F238E27FC236}">
                <a16:creationId xmlns:a16="http://schemas.microsoft.com/office/drawing/2014/main" id="{33D0B803-F928-4AB8-9FA8-7A2550C65926}"/>
              </a:ext>
            </a:extLst>
          </p:cNvPr>
          <p:cNvSpPr/>
          <p:nvPr userDrawn="1">
            <p:custDataLst>
              <p:tags r:id="rId99"/>
            </p:custDataLst>
          </p:nvPr>
        </p:nvSpPr>
        <p:spPr>
          <a:xfrm>
            <a:off x="9624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7" name="Rectangle 86" hidden="1">
            <a:extLst>
              <a:ext uri="{FF2B5EF4-FFF2-40B4-BE49-F238E27FC236}">
                <a16:creationId xmlns:a16="http://schemas.microsoft.com/office/drawing/2014/main" id="{A74BCB38-7D1D-4BB9-94CE-ADBDC5DAB010}"/>
              </a:ext>
            </a:extLst>
          </p:cNvPr>
          <p:cNvSpPr/>
          <p:nvPr userDrawn="1">
            <p:custDataLst>
              <p:tags r:id="rId100"/>
            </p:custDataLst>
          </p:nvPr>
        </p:nvSpPr>
        <p:spPr>
          <a:xfrm>
            <a:off x="1154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8" name="Rectangle 87" hidden="1">
            <a:extLst>
              <a:ext uri="{FF2B5EF4-FFF2-40B4-BE49-F238E27FC236}">
                <a16:creationId xmlns:a16="http://schemas.microsoft.com/office/drawing/2014/main" id="{6E6BC775-1DC0-42CB-BA95-EB6F78CFD0FE}"/>
              </a:ext>
            </a:extLst>
          </p:cNvPr>
          <p:cNvSpPr/>
          <p:nvPr userDrawn="1">
            <p:custDataLst>
              <p:tags r:id="rId101"/>
            </p:custDataLst>
          </p:nvPr>
        </p:nvSpPr>
        <p:spPr>
          <a:xfrm>
            <a:off x="9624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89" name="Rectangle 88" hidden="1">
            <a:extLst>
              <a:ext uri="{FF2B5EF4-FFF2-40B4-BE49-F238E27FC236}">
                <a16:creationId xmlns:a16="http://schemas.microsoft.com/office/drawing/2014/main" id="{95792BBB-2B34-4739-8C69-B66E64F8A279}"/>
              </a:ext>
            </a:extLst>
          </p:cNvPr>
          <p:cNvSpPr/>
          <p:nvPr userDrawn="1">
            <p:custDataLst>
              <p:tags r:id="rId102"/>
            </p:custDataLst>
          </p:nvPr>
        </p:nvSpPr>
        <p:spPr>
          <a:xfrm>
            <a:off x="1154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0" name="Rectangle 89" hidden="1">
            <a:extLst>
              <a:ext uri="{FF2B5EF4-FFF2-40B4-BE49-F238E27FC236}">
                <a16:creationId xmlns:a16="http://schemas.microsoft.com/office/drawing/2014/main" id="{E8FDD868-6922-48B4-976C-6F9677663DAF}"/>
              </a:ext>
            </a:extLst>
          </p:cNvPr>
          <p:cNvSpPr/>
          <p:nvPr userDrawn="1">
            <p:custDataLst>
              <p:tags r:id="rId103"/>
            </p:custDataLst>
          </p:nvPr>
        </p:nvSpPr>
        <p:spPr>
          <a:xfrm>
            <a:off x="9624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1" name="Rectangle 90" hidden="1">
            <a:extLst>
              <a:ext uri="{FF2B5EF4-FFF2-40B4-BE49-F238E27FC236}">
                <a16:creationId xmlns:a16="http://schemas.microsoft.com/office/drawing/2014/main" id="{E3A8AF86-B9FD-4654-82BA-248AF9D72F7C}"/>
              </a:ext>
            </a:extLst>
          </p:cNvPr>
          <p:cNvSpPr/>
          <p:nvPr userDrawn="1">
            <p:custDataLst>
              <p:tags r:id="rId104"/>
            </p:custDataLst>
          </p:nvPr>
        </p:nvSpPr>
        <p:spPr>
          <a:xfrm>
            <a:off x="1154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2" name="Rectangle 91" hidden="1">
            <a:extLst>
              <a:ext uri="{FF2B5EF4-FFF2-40B4-BE49-F238E27FC236}">
                <a16:creationId xmlns:a16="http://schemas.microsoft.com/office/drawing/2014/main" id="{F1579785-2978-4428-A96D-6D6718940F9D}"/>
              </a:ext>
            </a:extLst>
          </p:cNvPr>
          <p:cNvSpPr/>
          <p:nvPr userDrawn="1">
            <p:custDataLst>
              <p:tags r:id="rId105"/>
            </p:custDataLst>
          </p:nvPr>
        </p:nvSpPr>
        <p:spPr>
          <a:xfrm>
            <a:off x="32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3" name="Rectangle 92" hidden="1">
            <a:extLst>
              <a:ext uri="{FF2B5EF4-FFF2-40B4-BE49-F238E27FC236}">
                <a16:creationId xmlns:a16="http://schemas.microsoft.com/office/drawing/2014/main" id="{0584FA97-4AB6-4A5E-91FB-95E9E602EA26}"/>
              </a:ext>
            </a:extLst>
          </p:cNvPr>
          <p:cNvSpPr/>
          <p:nvPr userDrawn="1">
            <p:custDataLst>
              <p:tags r:id="rId106"/>
            </p:custDataLst>
          </p:nvPr>
        </p:nvSpPr>
        <p:spPr>
          <a:xfrm>
            <a:off x="2568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4" name="Rectangle 93" hidden="1">
            <a:extLst>
              <a:ext uri="{FF2B5EF4-FFF2-40B4-BE49-F238E27FC236}">
                <a16:creationId xmlns:a16="http://schemas.microsoft.com/office/drawing/2014/main" id="{A48EE25C-475F-4316-B6A2-011BEE3BCD92}"/>
              </a:ext>
            </a:extLst>
          </p:cNvPr>
          <p:cNvSpPr/>
          <p:nvPr userDrawn="1">
            <p:custDataLst>
              <p:tags r:id="rId107"/>
            </p:custDataLst>
          </p:nvPr>
        </p:nvSpPr>
        <p:spPr>
          <a:xfrm>
            <a:off x="4812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5" name="Rectangle 94" hidden="1">
            <a:extLst>
              <a:ext uri="{FF2B5EF4-FFF2-40B4-BE49-F238E27FC236}">
                <a16:creationId xmlns:a16="http://schemas.microsoft.com/office/drawing/2014/main" id="{7E857FE4-C9A3-45B7-B041-66EE09495EEC}"/>
              </a:ext>
            </a:extLst>
          </p:cNvPr>
          <p:cNvSpPr/>
          <p:nvPr userDrawn="1">
            <p:custDataLst>
              <p:tags r:id="rId108"/>
            </p:custDataLst>
          </p:nvPr>
        </p:nvSpPr>
        <p:spPr>
          <a:xfrm>
            <a:off x="7056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6" name="Rectangle 95" hidden="1">
            <a:extLst>
              <a:ext uri="{FF2B5EF4-FFF2-40B4-BE49-F238E27FC236}">
                <a16:creationId xmlns:a16="http://schemas.microsoft.com/office/drawing/2014/main" id="{9B5A1CBD-EB02-4B45-AF38-AAD0F53B4AD5}"/>
              </a:ext>
            </a:extLst>
          </p:cNvPr>
          <p:cNvSpPr/>
          <p:nvPr userDrawn="1">
            <p:custDataLst>
              <p:tags r:id="rId109"/>
            </p:custDataLst>
          </p:nvPr>
        </p:nvSpPr>
        <p:spPr>
          <a:xfrm>
            <a:off x="9300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7" name="Rectangle 96" hidden="1">
            <a:extLst>
              <a:ext uri="{FF2B5EF4-FFF2-40B4-BE49-F238E27FC236}">
                <a16:creationId xmlns:a16="http://schemas.microsoft.com/office/drawing/2014/main" id="{B80B4760-EF40-4F2E-9A91-131FFC1E37B4}"/>
              </a:ext>
            </a:extLst>
          </p:cNvPr>
          <p:cNvSpPr/>
          <p:nvPr userDrawn="1">
            <p:custDataLst>
              <p:tags r:id="rId110"/>
            </p:custDataLst>
          </p:nvPr>
        </p:nvSpPr>
        <p:spPr>
          <a:xfrm>
            <a:off x="1154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8" name="Rectangle 97" hidden="1">
            <a:extLst>
              <a:ext uri="{FF2B5EF4-FFF2-40B4-BE49-F238E27FC236}">
                <a16:creationId xmlns:a16="http://schemas.microsoft.com/office/drawing/2014/main" id="{8E8A7F77-3721-4815-B970-1D077CD2DA75}"/>
              </a:ext>
            </a:extLst>
          </p:cNvPr>
          <p:cNvSpPr/>
          <p:nvPr userDrawn="1">
            <p:custDataLst>
              <p:tags r:id="rId111"/>
            </p:custDataLst>
          </p:nvPr>
        </p:nvSpPr>
        <p:spPr>
          <a:xfrm>
            <a:off x="32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99" name="Rectangle 98" hidden="1">
            <a:extLst>
              <a:ext uri="{FF2B5EF4-FFF2-40B4-BE49-F238E27FC236}">
                <a16:creationId xmlns:a16="http://schemas.microsoft.com/office/drawing/2014/main" id="{55C42CA1-292D-4FB8-8399-74D1AD374EBE}"/>
              </a:ext>
            </a:extLst>
          </p:cNvPr>
          <p:cNvSpPr/>
          <p:nvPr userDrawn="1">
            <p:custDataLst>
              <p:tags r:id="rId112"/>
            </p:custDataLst>
          </p:nvPr>
        </p:nvSpPr>
        <p:spPr>
          <a:xfrm>
            <a:off x="2568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0" name="Rectangle 99" hidden="1">
            <a:extLst>
              <a:ext uri="{FF2B5EF4-FFF2-40B4-BE49-F238E27FC236}">
                <a16:creationId xmlns:a16="http://schemas.microsoft.com/office/drawing/2014/main" id="{76F4910F-0223-4A58-B2B3-CC1032CA6A96}"/>
              </a:ext>
            </a:extLst>
          </p:cNvPr>
          <p:cNvSpPr/>
          <p:nvPr userDrawn="1">
            <p:custDataLst>
              <p:tags r:id="rId113"/>
            </p:custDataLst>
          </p:nvPr>
        </p:nvSpPr>
        <p:spPr>
          <a:xfrm>
            <a:off x="4812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1" name="Rectangle 100" hidden="1">
            <a:extLst>
              <a:ext uri="{FF2B5EF4-FFF2-40B4-BE49-F238E27FC236}">
                <a16:creationId xmlns:a16="http://schemas.microsoft.com/office/drawing/2014/main" id="{309CA6FE-3AA4-4E04-82CE-33A9467E0E6A}"/>
              </a:ext>
            </a:extLst>
          </p:cNvPr>
          <p:cNvSpPr/>
          <p:nvPr userDrawn="1">
            <p:custDataLst>
              <p:tags r:id="rId114"/>
            </p:custDataLst>
          </p:nvPr>
        </p:nvSpPr>
        <p:spPr>
          <a:xfrm>
            <a:off x="7056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2" name="Rectangle 101" hidden="1">
            <a:extLst>
              <a:ext uri="{FF2B5EF4-FFF2-40B4-BE49-F238E27FC236}">
                <a16:creationId xmlns:a16="http://schemas.microsoft.com/office/drawing/2014/main" id="{D3FAE458-E122-4E17-A2BB-860390DB639B}"/>
              </a:ext>
            </a:extLst>
          </p:cNvPr>
          <p:cNvSpPr/>
          <p:nvPr userDrawn="1">
            <p:custDataLst>
              <p:tags r:id="rId115"/>
            </p:custDataLst>
          </p:nvPr>
        </p:nvSpPr>
        <p:spPr>
          <a:xfrm>
            <a:off x="9300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3" name="Rectangle 102" hidden="1">
            <a:extLst>
              <a:ext uri="{FF2B5EF4-FFF2-40B4-BE49-F238E27FC236}">
                <a16:creationId xmlns:a16="http://schemas.microsoft.com/office/drawing/2014/main" id="{09CCF6D6-3C14-49F1-9CCF-BB2BB02BA463}"/>
              </a:ext>
            </a:extLst>
          </p:cNvPr>
          <p:cNvSpPr/>
          <p:nvPr userDrawn="1">
            <p:custDataLst>
              <p:tags r:id="rId116"/>
            </p:custDataLst>
          </p:nvPr>
        </p:nvSpPr>
        <p:spPr>
          <a:xfrm>
            <a:off x="1154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4" name="Rectangle 103" hidden="1">
            <a:extLst>
              <a:ext uri="{FF2B5EF4-FFF2-40B4-BE49-F238E27FC236}">
                <a16:creationId xmlns:a16="http://schemas.microsoft.com/office/drawing/2014/main" id="{89199ED3-108C-4CB1-85A2-7274AF6D76B6}"/>
              </a:ext>
            </a:extLst>
          </p:cNvPr>
          <p:cNvSpPr/>
          <p:nvPr userDrawn="1">
            <p:custDataLst>
              <p:tags r:id="rId117"/>
            </p:custDataLst>
          </p:nvPr>
        </p:nvSpPr>
        <p:spPr>
          <a:xfrm>
            <a:off x="648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5" name="Rectangle 104" hidden="1">
            <a:extLst>
              <a:ext uri="{FF2B5EF4-FFF2-40B4-BE49-F238E27FC236}">
                <a16:creationId xmlns:a16="http://schemas.microsoft.com/office/drawing/2014/main" id="{F4889CBE-7887-46C6-99BA-4A154FF96016}"/>
              </a:ext>
            </a:extLst>
          </p:cNvPr>
          <p:cNvSpPr/>
          <p:nvPr userDrawn="1">
            <p:custDataLst>
              <p:tags r:id="rId118"/>
            </p:custDataLst>
          </p:nvPr>
        </p:nvSpPr>
        <p:spPr>
          <a:xfrm>
            <a:off x="2892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6" name="Rectangle 105" hidden="1">
            <a:extLst>
              <a:ext uri="{FF2B5EF4-FFF2-40B4-BE49-F238E27FC236}">
                <a16:creationId xmlns:a16="http://schemas.microsoft.com/office/drawing/2014/main" id="{2714EDDA-63CD-4C57-BF1D-55D84EF7DA1C}"/>
              </a:ext>
            </a:extLst>
          </p:cNvPr>
          <p:cNvSpPr/>
          <p:nvPr userDrawn="1">
            <p:custDataLst>
              <p:tags r:id="rId119"/>
            </p:custDataLst>
          </p:nvPr>
        </p:nvSpPr>
        <p:spPr>
          <a:xfrm>
            <a:off x="5136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7" name="Rectangle 106" hidden="1">
            <a:extLst>
              <a:ext uri="{FF2B5EF4-FFF2-40B4-BE49-F238E27FC236}">
                <a16:creationId xmlns:a16="http://schemas.microsoft.com/office/drawing/2014/main" id="{5A4A540B-AB24-4508-BDE2-193816CE6C2F}"/>
              </a:ext>
            </a:extLst>
          </p:cNvPr>
          <p:cNvSpPr/>
          <p:nvPr userDrawn="1">
            <p:custDataLst>
              <p:tags r:id="rId120"/>
            </p:custDataLst>
          </p:nvPr>
        </p:nvSpPr>
        <p:spPr>
          <a:xfrm>
            <a:off x="7380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8" name="Rectangle 107" hidden="1">
            <a:extLst>
              <a:ext uri="{FF2B5EF4-FFF2-40B4-BE49-F238E27FC236}">
                <a16:creationId xmlns:a16="http://schemas.microsoft.com/office/drawing/2014/main" id="{2E588317-42FC-4AFD-BF07-4EEAEA17B0FB}"/>
              </a:ext>
            </a:extLst>
          </p:cNvPr>
          <p:cNvSpPr/>
          <p:nvPr userDrawn="1">
            <p:custDataLst>
              <p:tags r:id="rId121"/>
            </p:custDataLst>
          </p:nvPr>
        </p:nvSpPr>
        <p:spPr>
          <a:xfrm>
            <a:off x="9624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09" name="Rectangle 108" hidden="1">
            <a:extLst>
              <a:ext uri="{FF2B5EF4-FFF2-40B4-BE49-F238E27FC236}">
                <a16:creationId xmlns:a16="http://schemas.microsoft.com/office/drawing/2014/main" id="{409B9FF3-D5DB-4C25-942C-75E24E0BD588}"/>
              </a:ext>
            </a:extLst>
          </p:cNvPr>
          <p:cNvSpPr/>
          <p:nvPr userDrawn="1">
            <p:custDataLst>
              <p:tags r:id="rId122"/>
            </p:custDataLst>
          </p:nvPr>
        </p:nvSpPr>
        <p:spPr>
          <a:xfrm>
            <a:off x="648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0" name="Rectangle 109" hidden="1">
            <a:extLst>
              <a:ext uri="{FF2B5EF4-FFF2-40B4-BE49-F238E27FC236}">
                <a16:creationId xmlns:a16="http://schemas.microsoft.com/office/drawing/2014/main" id="{B34EB183-B95A-4A10-93F6-B2E688291320}"/>
              </a:ext>
            </a:extLst>
          </p:cNvPr>
          <p:cNvSpPr/>
          <p:nvPr userDrawn="1">
            <p:custDataLst>
              <p:tags r:id="rId123"/>
            </p:custDataLst>
          </p:nvPr>
        </p:nvSpPr>
        <p:spPr>
          <a:xfrm>
            <a:off x="2892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1" name="Rectangle 110" hidden="1">
            <a:extLst>
              <a:ext uri="{FF2B5EF4-FFF2-40B4-BE49-F238E27FC236}">
                <a16:creationId xmlns:a16="http://schemas.microsoft.com/office/drawing/2014/main" id="{9445802B-D13B-4448-BCCA-EAC068866CD3}"/>
              </a:ext>
            </a:extLst>
          </p:cNvPr>
          <p:cNvSpPr/>
          <p:nvPr userDrawn="1">
            <p:custDataLst>
              <p:tags r:id="rId124"/>
            </p:custDataLst>
          </p:nvPr>
        </p:nvSpPr>
        <p:spPr>
          <a:xfrm>
            <a:off x="5136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2" name="Rectangle 111" hidden="1">
            <a:extLst>
              <a:ext uri="{FF2B5EF4-FFF2-40B4-BE49-F238E27FC236}">
                <a16:creationId xmlns:a16="http://schemas.microsoft.com/office/drawing/2014/main" id="{C10B3B33-18E6-4256-821F-887D5B33BF81}"/>
              </a:ext>
            </a:extLst>
          </p:cNvPr>
          <p:cNvSpPr/>
          <p:nvPr userDrawn="1">
            <p:custDataLst>
              <p:tags r:id="rId125"/>
            </p:custDataLst>
          </p:nvPr>
        </p:nvSpPr>
        <p:spPr>
          <a:xfrm>
            <a:off x="7380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3" name="Rectangle 112">
            <a:extLst>
              <a:ext uri="{FF2B5EF4-FFF2-40B4-BE49-F238E27FC236}">
                <a16:creationId xmlns:a16="http://schemas.microsoft.com/office/drawing/2014/main" id="{C76950B1-616E-4DAB-A1C9-C18FEC9C31D4}"/>
              </a:ext>
            </a:extLst>
          </p:cNvPr>
          <p:cNvSpPr/>
          <p:nvPr userDrawn="1">
            <p:custDataLst>
              <p:tags r:id="rId126"/>
            </p:custDataLst>
          </p:nvPr>
        </p:nvSpPr>
        <p:spPr>
          <a:xfrm>
            <a:off x="9624000" y="4077000"/>
            <a:ext cx="1920000" cy="2133000"/>
          </a:xfrm>
          <a:prstGeom prst="rect">
            <a:avLst/>
          </a:prstGeom>
          <a:noFill/>
          <a:ln w="31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  <p:sp>
        <p:nvSpPr>
          <p:cNvPr id="115" name="dynamic logo" descr="{&quot;templafy&quot;:{&quot;type&quot;:&quot;image&quot;,&quot;inheritDimensions&quot;:&quot;inheritNone&quot;,&quot;width&quot;:&quot;7.67 cm&quot;,&quot;binding&quot;:&quot;Form.PLogoChoice.PLogoInsertion&quot;}}" title="Form.PLogoChoice.PLogoInsertion">
            <a:extLst>
              <a:ext uri="{FF2B5EF4-FFF2-40B4-BE49-F238E27FC236}">
                <a16:creationId xmlns:a16="http://schemas.microsoft.com/office/drawing/2014/main" id="{1090779A-FA30-4EF9-809F-763A92C81AB1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92" r:id="rId2"/>
    <p:sldLayoutId id="2147483796" r:id="rId3"/>
    <p:sldLayoutId id="2147483730" r:id="rId4"/>
    <p:sldLayoutId id="2147483737" r:id="rId5"/>
    <p:sldLayoutId id="2147483801" r:id="rId6"/>
    <p:sldLayoutId id="2147483806" r:id="rId7"/>
    <p:sldLayoutId id="2147483765" r:id="rId8"/>
    <p:sldLayoutId id="2147483731" r:id="rId9"/>
    <p:sldLayoutId id="2147483766" r:id="rId10"/>
    <p:sldLayoutId id="2147483802" r:id="rId11"/>
    <p:sldLayoutId id="2147483804" r:id="rId12"/>
    <p:sldLayoutId id="2147483797" r:id="rId13"/>
    <p:sldLayoutId id="2147483732" r:id="rId14"/>
    <p:sldLayoutId id="2147483767" r:id="rId15"/>
    <p:sldLayoutId id="2147483768" r:id="rId16"/>
    <p:sldLayoutId id="2147483769" r:id="rId17"/>
    <p:sldLayoutId id="2147483770" r:id="rId18"/>
    <p:sldLayoutId id="2147483771" r:id="rId19"/>
    <p:sldLayoutId id="2147483772" r:id="rId20"/>
    <p:sldLayoutId id="2147483773" r:id="rId21"/>
    <p:sldLayoutId id="2147483790" r:id="rId22"/>
    <p:sldLayoutId id="2147483793" r:id="rId23"/>
    <p:sldLayoutId id="2147483798" r:id="rId24"/>
    <p:sldLayoutId id="2147483794" r:id="rId25"/>
    <p:sldLayoutId id="2147483795" r:id="rId26"/>
    <p:sldLayoutId id="2147483774" r:id="rId27"/>
    <p:sldLayoutId id="2147483775" r:id="rId28"/>
    <p:sldLayoutId id="2147483776" r:id="rId29"/>
    <p:sldLayoutId id="2147483799" r:id="rId30"/>
    <p:sldLayoutId id="2147483800" r:id="rId31"/>
    <p:sldLayoutId id="2147483743" r:id="rId32"/>
    <p:sldLayoutId id="2147483744" r:id="rId33"/>
    <p:sldLayoutId id="2147483803" r:id="rId34"/>
    <p:sldLayoutId id="2147483805" r:id="rId35"/>
    <p:sldLayoutId id="2147483762" r:id="rId36"/>
    <p:sldLayoutId id="2147483751" r:id="rId37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6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2000" b="1" kern="1200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1000" b="1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4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08" userDrawn="1">
          <p15:clr>
            <a:srgbClr val="A4A3A4"/>
          </p15:clr>
        </p15:guide>
        <p15:guide id="2" pos="1617" userDrawn="1">
          <p15:clr>
            <a:srgbClr val="A4A3A4"/>
          </p15:clr>
        </p15:guide>
        <p15:guide id="5" pos="3031" userDrawn="1">
          <p15:clr>
            <a:srgbClr val="A4A3A4"/>
          </p15:clr>
        </p15:guide>
        <p15:guide id="6" pos="3235" userDrawn="1">
          <p15:clr>
            <a:srgbClr val="A4A3A4"/>
          </p15:clr>
        </p15:guide>
        <p15:guide id="7" orient="horz" pos="3911" userDrawn="1">
          <p15:clr>
            <a:srgbClr val="A4A3A4"/>
          </p15:clr>
        </p15:guide>
        <p15:guide id="8" orient="horz" pos="4115" userDrawn="1">
          <p15:clr>
            <a:srgbClr val="A4A3A4"/>
          </p15:clr>
        </p15:guide>
        <p15:guide id="9" pos="6063" userDrawn="1">
          <p15:clr>
            <a:srgbClr val="A4A3A4"/>
          </p15:clr>
        </p15:guide>
        <p15:guide id="10" pos="7272" userDrawn="1">
          <p15:clr>
            <a:srgbClr val="A4A3A4"/>
          </p15:clr>
        </p15:guide>
        <p15:guide id="12" pos="4444" userDrawn="1">
          <p15:clr>
            <a:srgbClr val="A4A3A4"/>
          </p15:clr>
        </p15:guide>
        <p15:guide id="13" pos="4648" userDrawn="1">
          <p15:clr>
            <a:srgbClr val="A4A3A4"/>
          </p15:clr>
        </p15:guide>
        <p15:guide id="14" orient="horz" pos="204" userDrawn="1">
          <p15:clr>
            <a:srgbClr val="A4A3A4"/>
          </p15:clr>
        </p15:guide>
        <p15:guide id="15" orient="horz" pos="408" userDrawn="1">
          <p15:clr>
            <a:srgbClr val="A4A3A4"/>
          </p15:clr>
        </p15:guide>
        <p15:guide id="16" pos="1821" userDrawn="1">
          <p15:clr>
            <a:srgbClr val="A4A3A4"/>
          </p15:clr>
        </p15:guide>
        <p15:guide id="18" pos="5859" userDrawn="1">
          <p15:clr>
            <a:srgbClr val="A4A3A4"/>
          </p15:clr>
        </p15:guide>
        <p15:guide id="20" pos="7476" userDrawn="1">
          <p15:clr>
            <a:srgbClr val="A4A3A4"/>
          </p15:clr>
        </p15:guide>
        <p15:guide id="21" pos="20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89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3.xml"/><Relationship Id="rId6" Type="http://schemas.openxmlformats.org/officeDocument/2006/relationships/image" Target="../media/image13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tags" Target="../tags/tag91.xml"/><Relationship Id="rId7" Type="http://schemas.openxmlformats.org/officeDocument/2006/relationships/image" Target="../media/image15.jpg"/><Relationship Id="rId2" Type="http://schemas.openxmlformats.org/officeDocument/2006/relationships/tags" Target="../tags/tag90.xml"/><Relationship Id="rId1" Type="http://schemas.openxmlformats.org/officeDocument/2006/relationships/customXml" Target="../../customXml/item1.xml"/><Relationship Id="rId6" Type="http://schemas.openxmlformats.org/officeDocument/2006/relationships/image" Target="../media/image14.bin"/><Relationship Id="rId11" Type="http://schemas.openxmlformats.org/officeDocument/2006/relationships/image" Target="../media/image19.bin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18.png"/><Relationship Id="rId4" Type="http://schemas.openxmlformats.org/officeDocument/2006/relationships/slideLayout" Target="../slideLayouts/slideLayout9.xml"/><Relationship Id="rId9" Type="http://schemas.openxmlformats.org/officeDocument/2006/relationships/image" Target="../media/image17.sv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Placeholder 15">
            <a:extLst>
              <a:ext uri="{FF2B5EF4-FFF2-40B4-BE49-F238E27FC236}">
                <a16:creationId xmlns:a16="http://schemas.microsoft.com/office/drawing/2014/main" id="{0B7445C5-0C7A-4D3C-957F-D373A3B143F6}"/>
              </a:ext>
            </a:extLst>
          </p:cNvPr>
          <p:cNvPicPr>
            <a:picLocks noGrp="1"/>
          </p:cNvPicPr>
          <p:nvPr>
            <p:ph type="pic" sz="quarter" idx="13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11774"/>
            <a:ext cx="12191999" cy="6858000"/>
          </a:xfr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69D20491-F990-444F-A264-3008B4DD846B}"/>
              </a:ext>
            </a:extLst>
          </p:cNvPr>
          <p:cNvSpPr>
            <a:spLocks/>
          </p:cNvSpPr>
          <p:nvPr/>
        </p:nvSpPr>
        <p:spPr>
          <a:xfrm rot="5400000" flipH="1">
            <a:off x="4550389" y="-795381"/>
            <a:ext cx="3091218" cy="12191996"/>
          </a:xfrm>
          <a:prstGeom prst="rect">
            <a:avLst/>
          </a:prstGeom>
          <a:gradFill>
            <a:gsLst>
              <a:gs pos="69000">
                <a:schemeClr val="tx1">
                  <a:lumMod val="95000"/>
                  <a:lumOff val="5000"/>
                  <a:alpha val="67000"/>
                </a:schemeClr>
              </a:gs>
              <a:gs pos="84000">
                <a:schemeClr val="tx1">
                  <a:lumMod val="95000"/>
                  <a:lumOff val="5000"/>
                  <a:alpha val="0"/>
                </a:schemeClr>
              </a:gs>
            </a:gsLst>
            <a:lin ang="0" scaled="0"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>
              <a:defRPr/>
            </a:pPr>
            <a:endParaRPr lang="en-GB" sz="2400" dirty="0">
              <a:solidFill>
                <a:srgbClr val="FFFFFF"/>
              </a:solidFill>
              <a:latin typeface="Apis For Office"/>
            </a:endParaRPr>
          </a:p>
        </p:txBody>
      </p:sp>
      <p:sp>
        <p:nvSpPr>
          <p:cNvPr id="10" name="Tekstfelt 10">
            <a:extLst>
              <a:ext uri="{FF2B5EF4-FFF2-40B4-BE49-F238E27FC236}">
                <a16:creationId xmlns:a16="http://schemas.microsoft.com/office/drawing/2014/main" id="{9994BCE5-8DAE-46BF-B808-0FE969A4FC86}"/>
              </a:ext>
            </a:extLst>
          </p:cNvPr>
          <p:cNvSpPr txBox="1">
            <a:spLocks/>
          </p:cNvSpPr>
          <p:nvPr/>
        </p:nvSpPr>
        <p:spPr>
          <a:xfrm>
            <a:off x="5107672" y="4605756"/>
            <a:ext cx="7718378" cy="149579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5400" i="1" dirty="0">
                <a:solidFill>
                  <a:schemeClr val="bg1"/>
                </a:solidFill>
              </a:rPr>
              <a:t>From</a:t>
            </a:r>
            <a:r>
              <a:rPr lang="en-US" sz="5400" i="1" dirty="0"/>
              <a:t> </a:t>
            </a:r>
            <a:r>
              <a:rPr lang="en-US" sz="5400" b="1" i="1" dirty="0">
                <a:solidFill>
                  <a:schemeClr val="accent4">
                    <a:lumMod val="60000"/>
                    <a:lumOff val="40000"/>
                  </a:schemeClr>
                </a:solidFill>
              </a:rPr>
              <a:t>f</a:t>
            </a:r>
            <a:r>
              <a:rPr lang="en-US" sz="5400" b="1" i="1" dirty="0">
                <a:solidFill>
                  <a:schemeClr val="accent4">
                    <a:lumMod val="75000"/>
                  </a:schemeClr>
                </a:solidFill>
              </a:rPr>
              <a:t>o</a:t>
            </a:r>
            <a:r>
              <a:rPr lang="en-US" sz="5400" b="1" i="1" dirty="0">
                <a:solidFill>
                  <a:schemeClr val="accent4">
                    <a:lumMod val="50000"/>
                  </a:schemeClr>
                </a:solidFill>
              </a:rPr>
              <a:t>r</a:t>
            </a:r>
            <a:r>
              <a:rPr lang="en-US" sz="5400" b="1" i="1" dirty="0">
                <a:solidFill>
                  <a:srgbClr val="E6553F"/>
                </a:solidFill>
              </a:rPr>
              <a:t>k</a:t>
            </a:r>
            <a:r>
              <a:rPr lang="en-US" sz="5400" i="1" dirty="0"/>
              <a:t> </a:t>
            </a:r>
            <a:r>
              <a:rPr lang="en-US" sz="5400" i="1" dirty="0">
                <a:solidFill>
                  <a:schemeClr val="bg1"/>
                </a:solidFill>
              </a:rPr>
              <a:t>to</a:t>
            </a:r>
            <a:r>
              <a:rPr lang="en-US" sz="5400" i="1" dirty="0"/>
              <a:t> </a:t>
            </a:r>
            <a:r>
              <a:rPr lang="en-US" sz="5400" b="1" i="1" dirty="0">
                <a:solidFill>
                  <a:schemeClr val="accent3">
                    <a:lumMod val="40000"/>
                    <a:lumOff val="60000"/>
                  </a:schemeClr>
                </a:solidFill>
              </a:rPr>
              <a:t>f</a:t>
            </a:r>
            <a:r>
              <a:rPr lang="en-US" sz="5400" b="1" i="1" dirty="0">
                <a:solidFill>
                  <a:schemeClr val="accent3">
                    <a:lumMod val="60000"/>
                    <a:lumOff val="40000"/>
                  </a:schemeClr>
                </a:solidFill>
              </a:rPr>
              <a:t>i</a:t>
            </a:r>
            <a:r>
              <a:rPr lang="en-US" sz="5400" b="1" i="1" dirty="0">
                <a:solidFill>
                  <a:schemeClr val="accent3">
                    <a:lumMod val="75000"/>
                  </a:schemeClr>
                </a:solidFill>
              </a:rPr>
              <a:t>t</a:t>
            </a:r>
            <a:r>
              <a:rPr lang="en-US" sz="5400" b="1" i="1" dirty="0">
                <a:solidFill>
                  <a:schemeClr val="accent3">
                    <a:lumMod val="50000"/>
                  </a:schemeClr>
                </a:solidFill>
              </a:rPr>
              <a:t>n</a:t>
            </a:r>
            <a:r>
              <a:rPr lang="en-US" sz="5400" b="1" i="1" dirty="0">
                <a:solidFill>
                  <a:srgbClr val="92D050"/>
                </a:solidFill>
              </a:rPr>
              <a:t>e</a:t>
            </a:r>
            <a:r>
              <a:rPr lang="en-US" sz="5400" b="1" i="1" dirty="0">
                <a:solidFill>
                  <a:srgbClr val="00B050"/>
                </a:solidFill>
              </a:rPr>
              <a:t>ss</a:t>
            </a:r>
            <a:r>
              <a:rPr lang="en-US" sz="5400" i="1" dirty="0">
                <a:solidFill>
                  <a:schemeClr val="bg1"/>
                </a:solidFill>
              </a:rPr>
              <a:t>!</a:t>
            </a:r>
            <a:br>
              <a:rPr lang="en-US" sz="5400" i="1" dirty="0"/>
            </a:br>
            <a:endParaRPr lang="en-GB" sz="5400" dirty="0">
              <a:solidFill>
                <a:schemeClr val="bg1"/>
              </a:solidFill>
            </a:endParaRPr>
          </a:p>
        </p:txBody>
      </p:sp>
      <p:sp>
        <p:nvSpPr>
          <p:cNvPr id="11" name="Tekstfelt 8">
            <a:extLst>
              <a:ext uri="{FF2B5EF4-FFF2-40B4-BE49-F238E27FC236}">
                <a16:creationId xmlns:a16="http://schemas.microsoft.com/office/drawing/2014/main" id="{809F7D9B-63E0-406A-9E28-995C909ED60E}"/>
              </a:ext>
            </a:extLst>
          </p:cNvPr>
          <p:cNvSpPr txBox="1">
            <a:spLocks/>
          </p:cNvSpPr>
          <p:nvPr/>
        </p:nvSpPr>
        <p:spPr>
          <a:xfrm>
            <a:off x="172777" y="1345014"/>
            <a:ext cx="5923221" cy="24970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 algn="ctr">
              <a:lnSpc>
                <a:spcPct val="130000"/>
              </a:lnSpc>
              <a:defRPr/>
            </a:pPr>
            <a:r>
              <a:rPr lang="en-GB" sz="2800" b="1" dirty="0">
                <a:solidFill>
                  <a:schemeClr val="bg1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DATA QUEST – </a:t>
            </a:r>
            <a:r>
              <a:rPr lang="en-GB" sz="2800" b="1" i="1" dirty="0">
                <a:solidFill>
                  <a:schemeClr val="bg1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Unlocking the </a:t>
            </a:r>
          </a:p>
          <a:p>
            <a:pPr lvl="0" algn="ctr">
              <a:lnSpc>
                <a:spcPct val="130000"/>
              </a:lnSpc>
              <a:defRPr/>
            </a:pPr>
            <a:r>
              <a:rPr lang="en-GB" sz="2800" b="1" i="1" dirty="0">
                <a:solidFill>
                  <a:schemeClr val="bg1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Power of Data </a:t>
            </a:r>
          </a:p>
          <a:p>
            <a:pPr lvl="0" algn="ctr">
              <a:lnSpc>
                <a:spcPct val="130000"/>
              </a:lnSpc>
              <a:defRPr/>
            </a:pPr>
            <a:endParaRPr lang="en-GB" sz="2800" b="1" dirty="0">
              <a:solidFill>
                <a:schemeClr val="bg1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pPr lvl="0" algn="ctr">
              <a:lnSpc>
                <a:spcPct val="130000"/>
              </a:lnSpc>
              <a:defRPr/>
            </a:pPr>
            <a:r>
              <a:rPr lang="en-GB" sz="2800" b="1" dirty="0">
                <a:solidFill>
                  <a:schemeClr val="bg1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Case Study Challenge 2023</a:t>
            </a:r>
          </a:p>
          <a:p>
            <a:pPr lvl="0">
              <a:lnSpc>
                <a:spcPct val="130000"/>
              </a:lnSpc>
              <a:defRPr/>
            </a:pPr>
            <a:endParaRPr lang="en-GB" sz="1400" dirty="0">
              <a:solidFill>
                <a:schemeClr val="bg1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0065122-92A2-CE09-67EA-6B927556D27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654B733-D97F-5230-1A1F-760733BCAC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Tekstfelt 8">
            <a:extLst>
              <a:ext uri="{FF2B5EF4-FFF2-40B4-BE49-F238E27FC236}">
                <a16:creationId xmlns:a16="http://schemas.microsoft.com/office/drawing/2014/main" id="{DCD1C923-3A0A-4574-2617-6AC53FCD0A06}"/>
              </a:ext>
            </a:extLst>
          </p:cNvPr>
          <p:cNvSpPr txBox="1">
            <a:spLocks/>
          </p:cNvSpPr>
          <p:nvPr/>
        </p:nvSpPr>
        <p:spPr>
          <a:xfrm>
            <a:off x="4707688" y="5432127"/>
            <a:ext cx="10067689" cy="3297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>
              <a:lnSpc>
                <a:spcPct val="130000"/>
              </a:lnSpc>
              <a:defRPr/>
            </a:pPr>
            <a:r>
              <a:rPr lang="en-US" b="1" i="0" dirty="0">
                <a:solidFill>
                  <a:schemeClr val="bg1"/>
                </a:solidFill>
                <a:effectLst/>
              </a:rPr>
              <a:t>Exploring the Relationship Between  Eating Patterns and Obesity</a:t>
            </a:r>
            <a:endParaRPr lang="en-GB" b="1" dirty="0">
              <a:solidFill>
                <a:schemeClr val="bg1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8" name="Tekstfelt 8">
            <a:extLst>
              <a:ext uri="{FF2B5EF4-FFF2-40B4-BE49-F238E27FC236}">
                <a16:creationId xmlns:a16="http://schemas.microsoft.com/office/drawing/2014/main" id="{3109ED4B-CFDD-C462-E55E-BC21659249E0}"/>
              </a:ext>
            </a:extLst>
          </p:cNvPr>
          <p:cNvSpPr txBox="1">
            <a:spLocks/>
          </p:cNvSpPr>
          <p:nvPr/>
        </p:nvSpPr>
        <p:spPr>
          <a:xfrm>
            <a:off x="172777" y="3561254"/>
            <a:ext cx="5923221" cy="6531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 algn="ctr">
              <a:lnSpc>
                <a:spcPct val="130000"/>
              </a:lnSpc>
              <a:defRPr/>
            </a:pPr>
            <a:r>
              <a:rPr lang="en-GB" b="1" dirty="0">
                <a:solidFill>
                  <a:schemeClr val="bg1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Statistics Track – Preliminary Round </a:t>
            </a:r>
          </a:p>
          <a:p>
            <a:pPr lvl="0">
              <a:lnSpc>
                <a:spcPct val="130000"/>
              </a:lnSpc>
              <a:defRPr/>
            </a:pPr>
            <a:endParaRPr lang="en-GB" sz="1600" dirty="0">
              <a:solidFill>
                <a:schemeClr val="bg1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40769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8AE0B3EF-C722-41D1-9C48-0092024AAB63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638993" y="3359696"/>
            <a:ext cx="1839100" cy="1839100"/>
          </a:xfrm>
          <a:prstGeom prst="ellipse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E4D0489-75D1-4CC1-A6CD-94A42C9124A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28" r="16928"/>
          <a:stretch/>
        </p:blipFill>
        <p:spPr>
          <a:xfrm>
            <a:off x="119427" y="3676467"/>
            <a:ext cx="1862655" cy="1862655"/>
          </a:xfrm>
          <a:prstGeom prst="ellipse">
            <a:avLst/>
          </a:prstGeom>
        </p:spPr>
      </p:pic>
      <p:sp>
        <p:nvSpPr>
          <p:cNvPr id="10" name="Titel 5">
            <a:extLst>
              <a:ext uri="{FF2B5EF4-FFF2-40B4-BE49-F238E27FC236}">
                <a16:creationId xmlns:a16="http://schemas.microsoft.com/office/drawing/2014/main" id="{C6467A06-45CA-45DE-9B88-E76CCC8AA792}"/>
              </a:ext>
            </a:extLst>
          </p:cNvPr>
          <p:cNvSpPr txBox="1">
            <a:spLocks/>
          </p:cNvSpPr>
          <p:nvPr/>
        </p:nvSpPr>
        <p:spPr>
          <a:xfrm>
            <a:off x="237814" y="190489"/>
            <a:ext cx="10896000" cy="96019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44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600" b="0" dirty="0"/>
              <a:t>The magic pill for teens with obesity – </a:t>
            </a:r>
            <a:r>
              <a:rPr lang="en-GB" sz="3600" b="0" i="1" dirty="0"/>
              <a:t>Testa</a:t>
            </a:r>
            <a:r>
              <a:rPr lang="en-GB" sz="3600" b="0" dirty="0"/>
              <a:t>!</a:t>
            </a:r>
          </a:p>
        </p:txBody>
      </p:sp>
      <p:sp>
        <p:nvSpPr>
          <p:cNvPr id="11" name="TextBox 65">
            <a:extLst>
              <a:ext uri="{FF2B5EF4-FFF2-40B4-BE49-F238E27FC236}">
                <a16:creationId xmlns:a16="http://schemas.microsoft.com/office/drawing/2014/main" id="{8CEEC2E3-1F8B-4E44-9797-C46F64679832}"/>
              </a:ext>
            </a:extLst>
          </p:cNvPr>
          <p:cNvSpPr txBox="1">
            <a:spLocks/>
          </p:cNvSpPr>
          <p:nvPr/>
        </p:nvSpPr>
        <p:spPr>
          <a:xfrm flipH="1">
            <a:off x="1569873" y="2194073"/>
            <a:ext cx="2532568" cy="1050199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en-GB" sz="2000" b="1" dirty="0">
                <a:solidFill>
                  <a:schemeClr val="bg1"/>
                </a:solidFill>
              </a:rPr>
              <a:t>01. </a:t>
            </a:r>
          </a:p>
          <a:p>
            <a:pPr>
              <a:lnSpc>
                <a:spcPct val="90000"/>
              </a:lnSpc>
            </a:pPr>
            <a:r>
              <a:rPr lang="en-GB" sz="1600" b="1" dirty="0">
                <a:solidFill>
                  <a:srgbClr val="EAAB00"/>
                </a:solidFill>
              </a:rPr>
              <a:t>Population</a:t>
            </a:r>
            <a:br>
              <a:rPr lang="en-GB" sz="1051" b="1" dirty="0">
                <a:solidFill>
                  <a:schemeClr val="bg1"/>
                </a:solidFill>
              </a:rPr>
            </a:br>
            <a:r>
              <a:rPr lang="en-GB" sz="1300" dirty="0">
                <a:solidFill>
                  <a:schemeClr val="bg1"/>
                </a:solidFill>
              </a:rPr>
              <a:t>250 young teens with obesity are administered treatments  </a:t>
            </a:r>
            <a:r>
              <a:rPr lang="en-GB" sz="1300" b="1" dirty="0">
                <a:solidFill>
                  <a:schemeClr val="bg1"/>
                </a:solidFill>
              </a:rPr>
              <a:t>A</a:t>
            </a:r>
            <a:r>
              <a:rPr lang="en-GB" sz="1300" b="1" dirty="0">
                <a:solidFill>
                  <a:srgbClr val="E6553F"/>
                </a:solidFill>
              </a:rPr>
              <a:t> </a:t>
            </a:r>
            <a:r>
              <a:rPr lang="en-GB" sz="1300" dirty="0">
                <a:solidFill>
                  <a:schemeClr val="bg1"/>
                </a:solidFill>
              </a:rPr>
              <a:t>&amp;</a:t>
            </a:r>
            <a:r>
              <a:rPr lang="en-GB" sz="1300" b="1" dirty="0">
                <a:solidFill>
                  <a:schemeClr val="bg1"/>
                </a:solidFill>
              </a:rPr>
              <a:t> B</a:t>
            </a:r>
            <a:r>
              <a:rPr lang="en-GB" sz="1300" dirty="0">
                <a:solidFill>
                  <a:schemeClr val="bg1"/>
                </a:solidFill>
              </a:rPr>
              <a:t> randomly</a:t>
            </a:r>
            <a:r>
              <a:rPr lang="en-GB" sz="1067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13" name="TextBox 65">
            <a:extLst>
              <a:ext uri="{FF2B5EF4-FFF2-40B4-BE49-F238E27FC236}">
                <a16:creationId xmlns:a16="http://schemas.microsoft.com/office/drawing/2014/main" id="{428C990E-A586-4134-A948-76AC7D9ECD10}"/>
              </a:ext>
            </a:extLst>
          </p:cNvPr>
          <p:cNvSpPr txBox="1">
            <a:spLocks/>
          </p:cNvSpPr>
          <p:nvPr/>
        </p:nvSpPr>
        <p:spPr>
          <a:xfrm flipH="1">
            <a:off x="8651085" y="2195109"/>
            <a:ext cx="2922390" cy="88162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en-GB" sz="2000" b="1" dirty="0">
                <a:solidFill>
                  <a:schemeClr val="bg1"/>
                </a:solidFill>
              </a:rPr>
              <a:t>03.</a:t>
            </a:r>
            <a:r>
              <a:rPr lang="en-GB" sz="1600" b="1" dirty="0">
                <a:solidFill>
                  <a:schemeClr val="bg1"/>
                </a:solidFill>
              </a:rPr>
              <a:t> </a:t>
            </a:r>
          </a:p>
          <a:p>
            <a:pPr>
              <a:lnSpc>
                <a:spcPct val="90000"/>
              </a:lnSpc>
            </a:pPr>
            <a:r>
              <a:rPr lang="en-GB" sz="1600" b="1" dirty="0">
                <a:solidFill>
                  <a:srgbClr val="EAAB00"/>
                </a:solidFill>
              </a:rPr>
              <a:t>Analysis and Recommendation</a:t>
            </a:r>
            <a:br>
              <a:rPr lang="en-GB" sz="1051" b="1" dirty="0">
                <a:solidFill>
                  <a:schemeClr val="bg1"/>
                </a:solidFill>
              </a:rPr>
            </a:br>
            <a:endParaRPr lang="en-GB" sz="1200" dirty="0">
              <a:solidFill>
                <a:schemeClr val="bg1"/>
              </a:solidFill>
            </a:endParaRPr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2D3628DE-CCA0-4EAE-A93A-0C212E301911}"/>
              </a:ext>
            </a:extLst>
          </p:cNvPr>
          <p:cNvSpPr>
            <a:spLocks/>
          </p:cNvSpPr>
          <p:nvPr/>
        </p:nvSpPr>
        <p:spPr>
          <a:xfrm>
            <a:off x="0" y="2609819"/>
            <a:ext cx="13068413" cy="3057423"/>
          </a:xfrm>
          <a:custGeom>
            <a:avLst/>
            <a:gdLst>
              <a:gd name="connsiteX0" fmla="*/ 0 w 12198285"/>
              <a:gd name="connsiteY0" fmla="*/ 763699 h 763840"/>
              <a:gd name="connsiteX1" fmla="*/ 1225485 w 12198285"/>
              <a:gd name="connsiteY1" fmla="*/ 669431 h 763840"/>
              <a:gd name="connsiteX2" fmla="*/ 1800520 w 12198285"/>
              <a:gd name="connsiteY2" fmla="*/ 188664 h 763840"/>
              <a:gd name="connsiteX3" fmla="*/ 2441542 w 12198285"/>
              <a:gd name="connsiteY3" fmla="*/ 160384 h 763840"/>
              <a:gd name="connsiteX4" fmla="*/ 3205113 w 12198285"/>
              <a:gd name="connsiteY4" fmla="*/ 301786 h 763840"/>
              <a:gd name="connsiteX5" fmla="*/ 4421171 w 12198285"/>
              <a:gd name="connsiteY5" fmla="*/ 150957 h 763840"/>
              <a:gd name="connsiteX6" fmla="*/ 5769204 w 12198285"/>
              <a:gd name="connsiteY6" fmla="*/ 245225 h 763840"/>
              <a:gd name="connsiteX7" fmla="*/ 6872140 w 12198285"/>
              <a:gd name="connsiteY7" fmla="*/ 128 h 763840"/>
              <a:gd name="connsiteX8" fmla="*/ 8342722 w 12198285"/>
              <a:gd name="connsiteY8" fmla="*/ 282932 h 763840"/>
              <a:gd name="connsiteX9" fmla="*/ 9709608 w 12198285"/>
              <a:gd name="connsiteY9" fmla="*/ 94396 h 763840"/>
              <a:gd name="connsiteX10" fmla="*/ 11349872 w 12198285"/>
              <a:gd name="connsiteY10" fmla="*/ 509176 h 763840"/>
              <a:gd name="connsiteX11" fmla="*/ 12198285 w 12198285"/>
              <a:gd name="connsiteY11" fmla="*/ 377200 h 763840"/>
              <a:gd name="connsiteX0" fmla="*/ 0 w 12198285"/>
              <a:gd name="connsiteY0" fmla="*/ 763699 h 763699"/>
              <a:gd name="connsiteX1" fmla="*/ 1055803 w 12198285"/>
              <a:gd name="connsiteY1" fmla="*/ 113249 h 763699"/>
              <a:gd name="connsiteX2" fmla="*/ 1800520 w 12198285"/>
              <a:gd name="connsiteY2" fmla="*/ 188664 h 763699"/>
              <a:gd name="connsiteX3" fmla="*/ 2441542 w 12198285"/>
              <a:gd name="connsiteY3" fmla="*/ 160384 h 763699"/>
              <a:gd name="connsiteX4" fmla="*/ 3205113 w 12198285"/>
              <a:gd name="connsiteY4" fmla="*/ 301786 h 763699"/>
              <a:gd name="connsiteX5" fmla="*/ 4421171 w 12198285"/>
              <a:gd name="connsiteY5" fmla="*/ 150957 h 763699"/>
              <a:gd name="connsiteX6" fmla="*/ 5769204 w 12198285"/>
              <a:gd name="connsiteY6" fmla="*/ 245225 h 763699"/>
              <a:gd name="connsiteX7" fmla="*/ 6872140 w 12198285"/>
              <a:gd name="connsiteY7" fmla="*/ 128 h 763699"/>
              <a:gd name="connsiteX8" fmla="*/ 8342722 w 12198285"/>
              <a:gd name="connsiteY8" fmla="*/ 282932 h 763699"/>
              <a:gd name="connsiteX9" fmla="*/ 9709608 w 12198285"/>
              <a:gd name="connsiteY9" fmla="*/ 94396 h 763699"/>
              <a:gd name="connsiteX10" fmla="*/ 11349872 w 12198285"/>
              <a:gd name="connsiteY10" fmla="*/ 509176 h 763699"/>
              <a:gd name="connsiteX11" fmla="*/ 12198285 w 12198285"/>
              <a:gd name="connsiteY11" fmla="*/ 377200 h 763699"/>
              <a:gd name="connsiteX0" fmla="*/ 0 w 12217139"/>
              <a:gd name="connsiteY0" fmla="*/ 0 h 899120"/>
              <a:gd name="connsiteX1" fmla="*/ 1074657 w 12217139"/>
              <a:gd name="connsiteY1" fmla="*/ 490193 h 899120"/>
              <a:gd name="connsiteX2" fmla="*/ 1819374 w 12217139"/>
              <a:gd name="connsiteY2" fmla="*/ 565608 h 899120"/>
              <a:gd name="connsiteX3" fmla="*/ 2460396 w 12217139"/>
              <a:gd name="connsiteY3" fmla="*/ 537328 h 899120"/>
              <a:gd name="connsiteX4" fmla="*/ 3223967 w 12217139"/>
              <a:gd name="connsiteY4" fmla="*/ 678730 h 899120"/>
              <a:gd name="connsiteX5" fmla="*/ 4440025 w 12217139"/>
              <a:gd name="connsiteY5" fmla="*/ 527901 h 899120"/>
              <a:gd name="connsiteX6" fmla="*/ 5788058 w 12217139"/>
              <a:gd name="connsiteY6" fmla="*/ 622169 h 899120"/>
              <a:gd name="connsiteX7" fmla="*/ 6890994 w 12217139"/>
              <a:gd name="connsiteY7" fmla="*/ 377072 h 899120"/>
              <a:gd name="connsiteX8" fmla="*/ 8361576 w 12217139"/>
              <a:gd name="connsiteY8" fmla="*/ 659876 h 899120"/>
              <a:gd name="connsiteX9" fmla="*/ 9728462 w 12217139"/>
              <a:gd name="connsiteY9" fmla="*/ 471340 h 899120"/>
              <a:gd name="connsiteX10" fmla="*/ 11368726 w 12217139"/>
              <a:gd name="connsiteY10" fmla="*/ 886120 h 899120"/>
              <a:gd name="connsiteX11" fmla="*/ 12217139 w 12217139"/>
              <a:gd name="connsiteY11" fmla="*/ 754144 h 899120"/>
              <a:gd name="connsiteX0" fmla="*/ 0 w 12217139"/>
              <a:gd name="connsiteY0" fmla="*/ 0 h 899120"/>
              <a:gd name="connsiteX1" fmla="*/ 1084084 w 12217139"/>
              <a:gd name="connsiteY1" fmla="*/ 377072 h 899120"/>
              <a:gd name="connsiteX2" fmla="*/ 1819374 w 12217139"/>
              <a:gd name="connsiteY2" fmla="*/ 565608 h 899120"/>
              <a:gd name="connsiteX3" fmla="*/ 2460396 w 12217139"/>
              <a:gd name="connsiteY3" fmla="*/ 537328 h 899120"/>
              <a:gd name="connsiteX4" fmla="*/ 3223967 w 12217139"/>
              <a:gd name="connsiteY4" fmla="*/ 678730 h 899120"/>
              <a:gd name="connsiteX5" fmla="*/ 4440025 w 12217139"/>
              <a:gd name="connsiteY5" fmla="*/ 527901 h 899120"/>
              <a:gd name="connsiteX6" fmla="*/ 5788058 w 12217139"/>
              <a:gd name="connsiteY6" fmla="*/ 622169 h 899120"/>
              <a:gd name="connsiteX7" fmla="*/ 6890994 w 12217139"/>
              <a:gd name="connsiteY7" fmla="*/ 377072 h 899120"/>
              <a:gd name="connsiteX8" fmla="*/ 8361576 w 12217139"/>
              <a:gd name="connsiteY8" fmla="*/ 659876 h 899120"/>
              <a:gd name="connsiteX9" fmla="*/ 9728462 w 12217139"/>
              <a:gd name="connsiteY9" fmla="*/ 471340 h 899120"/>
              <a:gd name="connsiteX10" fmla="*/ 11368726 w 12217139"/>
              <a:gd name="connsiteY10" fmla="*/ 886120 h 899120"/>
              <a:gd name="connsiteX11" fmla="*/ 12217139 w 12217139"/>
              <a:gd name="connsiteY11" fmla="*/ 754144 h 899120"/>
              <a:gd name="connsiteX0" fmla="*/ 0 w 12217139"/>
              <a:gd name="connsiteY0" fmla="*/ 0 h 899120"/>
              <a:gd name="connsiteX1" fmla="*/ 1084084 w 12217139"/>
              <a:gd name="connsiteY1" fmla="*/ 377072 h 899120"/>
              <a:gd name="connsiteX2" fmla="*/ 1819374 w 12217139"/>
              <a:gd name="connsiteY2" fmla="*/ 565608 h 899120"/>
              <a:gd name="connsiteX3" fmla="*/ 2460396 w 12217139"/>
              <a:gd name="connsiteY3" fmla="*/ 537328 h 899120"/>
              <a:gd name="connsiteX4" fmla="*/ 3223967 w 12217139"/>
              <a:gd name="connsiteY4" fmla="*/ 678730 h 899120"/>
              <a:gd name="connsiteX5" fmla="*/ 4440025 w 12217139"/>
              <a:gd name="connsiteY5" fmla="*/ 527901 h 899120"/>
              <a:gd name="connsiteX6" fmla="*/ 5788058 w 12217139"/>
              <a:gd name="connsiteY6" fmla="*/ 622169 h 899120"/>
              <a:gd name="connsiteX7" fmla="*/ 6890994 w 12217139"/>
              <a:gd name="connsiteY7" fmla="*/ 377072 h 899120"/>
              <a:gd name="connsiteX8" fmla="*/ 8361576 w 12217139"/>
              <a:gd name="connsiteY8" fmla="*/ 659876 h 899120"/>
              <a:gd name="connsiteX9" fmla="*/ 9728462 w 12217139"/>
              <a:gd name="connsiteY9" fmla="*/ 471340 h 899120"/>
              <a:gd name="connsiteX10" fmla="*/ 11368726 w 12217139"/>
              <a:gd name="connsiteY10" fmla="*/ 886120 h 899120"/>
              <a:gd name="connsiteX11" fmla="*/ 12217139 w 12217139"/>
              <a:gd name="connsiteY11" fmla="*/ 754144 h 899120"/>
              <a:gd name="connsiteX0" fmla="*/ 0 w 12217139"/>
              <a:gd name="connsiteY0" fmla="*/ 0 h 899120"/>
              <a:gd name="connsiteX1" fmla="*/ 1084084 w 12217139"/>
              <a:gd name="connsiteY1" fmla="*/ 377072 h 899120"/>
              <a:gd name="connsiteX2" fmla="*/ 1819374 w 12217139"/>
              <a:gd name="connsiteY2" fmla="*/ 565608 h 899120"/>
              <a:gd name="connsiteX3" fmla="*/ 2460396 w 12217139"/>
              <a:gd name="connsiteY3" fmla="*/ 537328 h 899120"/>
              <a:gd name="connsiteX4" fmla="*/ 3223967 w 12217139"/>
              <a:gd name="connsiteY4" fmla="*/ 678730 h 899120"/>
              <a:gd name="connsiteX5" fmla="*/ 4440025 w 12217139"/>
              <a:gd name="connsiteY5" fmla="*/ 527901 h 899120"/>
              <a:gd name="connsiteX6" fmla="*/ 5788058 w 12217139"/>
              <a:gd name="connsiteY6" fmla="*/ 622169 h 899120"/>
              <a:gd name="connsiteX7" fmla="*/ 6890994 w 12217139"/>
              <a:gd name="connsiteY7" fmla="*/ 377072 h 899120"/>
              <a:gd name="connsiteX8" fmla="*/ 8361576 w 12217139"/>
              <a:gd name="connsiteY8" fmla="*/ 659876 h 899120"/>
              <a:gd name="connsiteX9" fmla="*/ 9728462 w 12217139"/>
              <a:gd name="connsiteY9" fmla="*/ 471340 h 899120"/>
              <a:gd name="connsiteX10" fmla="*/ 11368726 w 12217139"/>
              <a:gd name="connsiteY10" fmla="*/ 886120 h 899120"/>
              <a:gd name="connsiteX11" fmla="*/ 12217139 w 12217139"/>
              <a:gd name="connsiteY11" fmla="*/ 754144 h 899120"/>
              <a:gd name="connsiteX0" fmla="*/ 0 w 12122871"/>
              <a:gd name="connsiteY0" fmla="*/ 0 h 635169"/>
              <a:gd name="connsiteX1" fmla="*/ 989816 w 12122871"/>
              <a:gd name="connsiteY1" fmla="*/ 113121 h 635169"/>
              <a:gd name="connsiteX2" fmla="*/ 1725106 w 12122871"/>
              <a:gd name="connsiteY2" fmla="*/ 301657 h 635169"/>
              <a:gd name="connsiteX3" fmla="*/ 2366128 w 12122871"/>
              <a:gd name="connsiteY3" fmla="*/ 273377 h 635169"/>
              <a:gd name="connsiteX4" fmla="*/ 3129699 w 12122871"/>
              <a:gd name="connsiteY4" fmla="*/ 414779 h 635169"/>
              <a:gd name="connsiteX5" fmla="*/ 4345757 w 12122871"/>
              <a:gd name="connsiteY5" fmla="*/ 263950 h 635169"/>
              <a:gd name="connsiteX6" fmla="*/ 5693790 w 12122871"/>
              <a:gd name="connsiteY6" fmla="*/ 358218 h 635169"/>
              <a:gd name="connsiteX7" fmla="*/ 6796726 w 12122871"/>
              <a:gd name="connsiteY7" fmla="*/ 113121 h 635169"/>
              <a:gd name="connsiteX8" fmla="*/ 8267308 w 12122871"/>
              <a:gd name="connsiteY8" fmla="*/ 395925 h 635169"/>
              <a:gd name="connsiteX9" fmla="*/ 9634194 w 12122871"/>
              <a:gd name="connsiteY9" fmla="*/ 207389 h 635169"/>
              <a:gd name="connsiteX10" fmla="*/ 11274458 w 12122871"/>
              <a:gd name="connsiteY10" fmla="*/ 622169 h 635169"/>
              <a:gd name="connsiteX11" fmla="*/ 12122871 w 12122871"/>
              <a:gd name="connsiteY11" fmla="*/ 490193 h 635169"/>
              <a:gd name="connsiteX0" fmla="*/ 0 w 12122871"/>
              <a:gd name="connsiteY0" fmla="*/ 69945 h 705114"/>
              <a:gd name="connsiteX1" fmla="*/ 999243 w 12122871"/>
              <a:gd name="connsiteY1" fmla="*/ 13383 h 705114"/>
              <a:gd name="connsiteX2" fmla="*/ 1725106 w 12122871"/>
              <a:gd name="connsiteY2" fmla="*/ 371602 h 705114"/>
              <a:gd name="connsiteX3" fmla="*/ 2366128 w 12122871"/>
              <a:gd name="connsiteY3" fmla="*/ 343322 h 705114"/>
              <a:gd name="connsiteX4" fmla="*/ 3129699 w 12122871"/>
              <a:gd name="connsiteY4" fmla="*/ 484724 h 705114"/>
              <a:gd name="connsiteX5" fmla="*/ 4345757 w 12122871"/>
              <a:gd name="connsiteY5" fmla="*/ 333895 h 705114"/>
              <a:gd name="connsiteX6" fmla="*/ 5693790 w 12122871"/>
              <a:gd name="connsiteY6" fmla="*/ 428163 h 705114"/>
              <a:gd name="connsiteX7" fmla="*/ 6796726 w 12122871"/>
              <a:gd name="connsiteY7" fmla="*/ 183066 h 705114"/>
              <a:gd name="connsiteX8" fmla="*/ 8267308 w 12122871"/>
              <a:gd name="connsiteY8" fmla="*/ 465870 h 705114"/>
              <a:gd name="connsiteX9" fmla="*/ 9634194 w 12122871"/>
              <a:gd name="connsiteY9" fmla="*/ 277334 h 705114"/>
              <a:gd name="connsiteX10" fmla="*/ 11274458 w 12122871"/>
              <a:gd name="connsiteY10" fmla="*/ 692114 h 705114"/>
              <a:gd name="connsiteX11" fmla="*/ 12122871 w 12122871"/>
              <a:gd name="connsiteY11" fmla="*/ 560138 h 705114"/>
              <a:gd name="connsiteX0" fmla="*/ 0 w 12217139"/>
              <a:gd name="connsiteY0" fmla="*/ 14732 h 725315"/>
              <a:gd name="connsiteX1" fmla="*/ 1093511 w 12217139"/>
              <a:gd name="connsiteY1" fmla="*/ 33584 h 725315"/>
              <a:gd name="connsiteX2" fmla="*/ 1819374 w 12217139"/>
              <a:gd name="connsiteY2" fmla="*/ 391803 h 725315"/>
              <a:gd name="connsiteX3" fmla="*/ 2460396 w 12217139"/>
              <a:gd name="connsiteY3" fmla="*/ 363523 h 725315"/>
              <a:gd name="connsiteX4" fmla="*/ 3223967 w 12217139"/>
              <a:gd name="connsiteY4" fmla="*/ 504925 h 725315"/>
              <a:gd name="connsiteX5" fmla="*/ 4440025 w 12217139"/>
              <a:gd name="connsiteY5" fmla="*/ 354096 h 725315"/>
              <a:gd name="connsiteX6" fmla="*/ 5788058 w 12217139"/>
              <a:gd name="connsiteY6" fmla="*/ 448364 h 725315"/>
              <a:gd name="connsiteX7" fmla="*/ 6890994 w 12217139"/>
              <a:gd name="connsiteY7" fmla="*/ 203267 h 725315"/>
              <a:gd name="connsiteX8" fmla="*/ 8361576 w 12217139"/>
              <a:gd name="connsiteY8" fmla="*/ 486071 h 725315"/>
              <a:gd name="connsiteX9" fmla="*/ 9728462 w 12217139"/>
              <a:gd name="connsiteY9" fmla="*/ 297535 h 725315"/>
              <a:gd name="connsiteX10" fmla="*/ 11368726 w 12217139"/>
              <a:gd name="connsiteY10" fmla="*/ 712315 h 725315"/>
              <a:gd name="connsiteX11" fmla="*/ 12217139 w 12217139"/>
              <a:gd name="connsiteY11" fmla="*/ 580339 h 725315"/>
              <a:gd name="connsiteX0" fmla="*/ 0 w 12217139"/>
              <a:gd name="connsiteY0" fmla="*/ 109053 h 819636"/>
              <a:gd name="connsiteX1" fmla="*/ 914402 w 12217139"/>
              <a:gd name="connsiteY1" fmla="*/ 14783 h 819636"/>
              <a:gd name="connsiteX2" fmla="*/ 1819374 w 12217139"/>
              <a:gd name="connsiteY2" fmla="*/ 486124 h 819636"/>
              <a:gd name="connsiteX3" fmla="*/ 2460396 w 12217139"/>
              <a:gd name="connsiteY3" fmla="*/ 457844 h 819636"/>
              <a:gd name="connsiteX4" fmla="*/ 3223967 w 12217139"/>
              <a:gd name="connsiteY4" fmla="*/ 599246 h 819636"/>
              <a:gd name="connsiteX5" fmla="*/ 4440025 w 12217139"/>
              <a:gd name="connsiteY5" fmla="*/ 448417 h 819636"/>
              <a:gd name="connsiteX6" fmla="*/ 5788058 w 12217139"/>
              <a:gd name="connsiteY6" fmla="*/ 542685 h 819636"/>
              <a:gd name="connsiteX7" fmla="*/ 6890994 w 12217139"/>
              <a:gd name="connsiteY7" fmla="*/ 297588 h 819636"/>
              <a:gd name="connsiteX8" fmla="*/ 8361576 w 12217139"/>
              <a:gd name="connsiteY8" fmla="*/ 580392 h 819636"/>
              <a:gd name="connsiteX9" fmla="*/ 9728462 w 12217139"/>
              <a:gd name="connsiteY9" fmla="*/ 391856 h 819636"/>
              <a:gd name="connsiteX10" fmla="*/ 11368726 w 12217139"/>
              <a:gd name="connsiteY10" fmla="*/ 806636 h 819636"/>
              <a:gd name="connsiteX11" fmla="*/ 12217139 w 12217139"/>
              <a:gd name="connsiteY11" fmla="*/ 674660 h 819636"/>
              <a:gd name="connsiteX0" fmla="*/ 0 w 12217139"/>
              <a:gd name="connsiteY0" fmla="*/ 285010 h 807057"/>
              <a:gd name="connsiteX1" fmla="*/ 914402 w 12217139"/>
              <a:gd name="connsiteY1" fmla="*/ 2204 h 807057"/>
              <a:gd name="connsiteX2" fmla="*/ 1819374 w 12217139"/>
              <a:gd name="connsiteY2" fmla="*/ 473545 h 807057"/>
              <a:gd name="connsiteX3" fmla="*/ 2460396 w 12217139"/>
              <a:gd name="connsiteY3" fmla="*/ 445265 h 807057"/>
              <a:gd name="connsiteX4" fmla="*/ 3223967 w 12217139"/>
              <a:gd name="connsiteY4" fmla="*/ 586667 h 807057"/>
              <a:gd name="connsiteX5" fmla="*/ 4440025 w 12217139"/>
              <a:gd name="connsiteY5" fmla="*/ 435838 h 807057"/>
              <a:gd name="connsiteX6" fmla="*/ 5788058 w 12217139"/>
              <a:gd name="connsiteY6" fmla="*/ 530106 h 807057"/>
              <a:gd name="connsiteX7" fmla="*/ 6890994 w 12217139"/>
              <a:gd name="connsiteY7" fmla="*/ 285009 h 807057"/>
              <a:gd name="connsiteX8" fmla="*/ 8361576 w 12217139"/>
              <a:gd name="connsiteY8" fmla="*/ 567813 h 807057"/>
              <a:gd name="connsiteX9" fmla="*/ 9728462 w 12217139"/>
              <a:gd name="connsiteY9" fmla="*/ 379277 h 807057"/>
              <a:gd name="connsiteX10" fmla="*/ 11368726 w 12217139"/>
              <a:gd name="connsiteY10" fmla="*/ 794057 h 807057"/>
              <a:gd name="connsiteX11" fmla="*/ 12217139 w 12217139"/>
              <a:gd name="connsiteY11" fmla="*/ 662081 h 807057"/>
              <a:gd name="connsiteX0" fmla="*/ 0 w 12217139"/>
              <a:gd name="connsiteY0" fmla="*/ 286223 h 808270"/>
              <a:gd name="connsiteX1" fmla="*/ 914402 w 12217139"/>
              <a:gd name="connsiteY1" fmla="*/ 3417 h 808270"/>
              <a:gd name="connsiteX2" fmla="*/ 1819374 w 12217139"/>
              <a:gd name="connsiteY2" fmla="*/ 474758 h 808270"/>
              <a:gd name="connsiteX3" fmla="*/ 2460396 w 12217139"/>
              <a:gd name="connsiteY3" fmla="*/ 446478 h 808270"/>
              <a:gd name="connsiteX4" fmla="*/ 3223967 w 12217139"/>
              <a:gd name="connsiteY4" fmla="*/ 587880 h 808270"/>
              <a:gd name="connsiteX5" fmla="*/ 4440025 w 12217139"/>
              <a:gd name="connsiteY5" fmla="*/ 437051 h 808270"/>
              <a:gd name="connsiteX6" fmla="*/ 5788058 w 12217139"/>
              <a:gd name="connsiteY6" fmla="*/ 531319 h 808270"/>
              <a:gd name="connsiteX7" fmla="*/ 6890994 w 12217139"/>
              <a:gd name="connsiteY7" fmla="*/ 286222 h 808270"/>
              <a:gd name="connsiteX8" fmla="*/ 8361576 w 12217139"/>
              <a:gd name="connsiteY8" fmla="*/ 569026 h 808270"/>
              <a:gd name="connsiteX9" fmla="*/ 9728462 w 12217139"/>
              <a:gd name="connsiteY9" fmla="*/ 380490 h 808270"/>
              <a:gd name="connsiteX10" fmla="*/ 11368726 w 12217139"/>
              <a:gd name="connsiteY10" fmla="*/ 795270 h 808270"/>
              <a:gd name="connsiteX11" fmla="*/ 12217139 w 12217139"/>
              <a:gd name="connsiteY11" fmla="*/ 663294 h 808270"/>
              <a:gd name="connsiteX0" fmla="*/ 0 w 12217139"/>
              <a:gd name="connsiteY0" fmla="*/ 286223 h 808270"/>
              <a:gd name="connsiteX1" fmla="*/ 914402 w 12217139"/>
              <a:gd name="connsiteY1" fmla="*/ 3417 h 808270"/>
              <a:gd name="connsiteX2" fmla="*/ 1819374 w 12217139"/>
              <a:gd name="connsiteY2" fmla="*/ 474758 h 808270"/>
              <a:gd name="connsiteX3" fmla="*/ 2460396 w 12217139"/>
              <a:gd name="connsiteY3" fmla="*/ 446478 h 808270"/>
              <a:gd name="connsiteX4" fmla="*/ 3233394 w 12217139"/>
              <a:gd name="connsiteY4" fmla="*/ 653868 h 808270"/>
              <a:gd name="connsiteX5" fmla="*/ 4440025 w 12217139"/>
              <a:gd name="connsiteY5" fmla="*/ 437051 h 808270"/>
              <a:gd name="connsiteX6" fmla="*/ 5788058 w 12217139"/>
              <a:gd name="connsiteY6" fmla="*/ 531319 h 808270"/>
              <a:gd name="connsiteX7" fmla="*/ 6890994 w 12217139"/>
              <a:gd name="connsiteY7" fmla="*/ 286222 h 808270"/>
              <a:gd name="connsiteX8" fmla="*/ 8361576 w 12217139"/>
              <a:gd name="connsiteY8" fmla="*/ 569026 h 808270"/>
              <a:gd name="connsiteX9" fmla="*/ 9728462 w 12217139"/>
              <a:gd name="connsiteY9" fmla="*/ 380490 h 808270"/>
              <a:gd name="connsiteX10" fmla="*/ 11368726 w 12217139"/>
              <a:gd name="connsiteY10" fmla="*/ 795270 h 808270"/>
              <a:gd name="connsiteX11" fmla="*/ 12217139 w 12217139"/>
              <a:gd name="connsiteY11" fmla="*/ 663294 h 808270"/>
              <a:gd name="connsiteX0" fmla="*/ 0 w 12217139"/>
              <a:gd name="connsiteY0" fmla="*/ 286223 h 808270"/>
              <a:gd name="connsiteX1" fmla="*/ 914402 w 12217139"/>
              <a:gd name="connsiteY1" fmla="*/ 3417 h 808270"/>
              <a:gd name="connsiteX2" fmla="*/ 1819374 w 12217139"/>
              <a:gd name="connsiteY2" fmla="*/ 474758 h 808270"/>
              <a:gd name="connsiteX3" fmla="*/ 2460396 w 12217139"/>
              <a:gd name="connsiteY3" fmla="*/ 446478 h 808270"/>
              <a:gd name="connsiteX4" fmla="*/ 3233394 w 12217139"/>
              <a:gd name="connsiteY4" fmla="*/ 653868 h 808270"/>
              <a:gd name="connsiteX5" fmla="*/ 4440025 w 12217139"/>
              <a:gd name="connsiteY5" fmla="*/ 437051 h 808270"/>
              <a:gd name="connsiteX6" fmla="*/ 5788058 w 12217139"/>
              <a:gd name="connsiteY6" fmla="*/ 531319 h 808270"/>
              <a:gd name="connsiteX7" fmla="*/ 6890994 w 12217139"/>
              <a:gd name="connsiteY7" fmla="*/ 286222 h 808270"/>
              <a:gd name="connsiteX8" fmla="*/ 8361576 w 12217139"/>
              <a:gd name="connsiteY8" fmla="*/ 569026 h 808270"/>
              <a:gd name="connsiteX9" fmla="*/ 9728462 w 12217139"/>
              <a:gd name="connsiteY9" fmla="*/ 380490 h 808270"/>
              <a:gd name="connsiteX10" fmla="*/ 11368726 w 12217139"/>
              <a:gd name="connsiteY10" fmla="*/ 795270 h 808270"/>
              <a:gd name="connsiteX11" fmla="*/ 12217139 w 12217139"/>
              <a:gd name="connsiteY11" fmla="*/ 663294 h 808270"/>
              <a:gd name="connsiteX0" fmla="*/ 0 w 12217139"/>
              <a:gd name="connsiteY0" fmla="*/ 286223 h 808270"/>
              <a:gd name="connsiteX1" fmla="*/ 914402 w 12217139"/>
              <a:gd name="connsiteY1" fmla="*/ 3417 h 808270"/>
              <a:gd name="connsiteX2" fmla="*/ 1819374 w 12217139"/>
              <a:gd name="connsiteY2" fmla="*/ 474758 h 808270"/>
              <a:gd name="connsiteX3" fmla="*/ 2460396 w 12217139"/>
              <a:gd name="connsiteY3" fmla="*/ 446478 h 808270"/>
              <a:gd name="connsiteX4" fmla="*/ 3233394 w 12217139"/>
              <a:gd name="connsiteY4" fmla="*/ 653868 h 808270"/>
              <a:gd name="connsiteX5" fmla="*/ 4440025 w 12217139"/>
              <a:gd name="connsiteY5" fmla="*/ 437051 h 808270"/>
              <a:gd name="connsiteX6" fmla="*/ 5788058 w 12217139"/>
              <a:gd name="connsiteY6" fmla="*/ 531319 h 808270"/>
              <a:gd name="connsiteX7" fmla="*/ 6975836 w 12217139"/>
              <a:gd name="connsiteY7" fmla="*/ 229662 h 808270"/>
              <a:gd name="connsiteX8" fmla="*/ 8361576 w 12217139"/>
              <a:gd name="connsiteY8" fmla="*/ 569026 h 808270"/>
              <a:gd name="connsiteX9" fmla="*/ 9728462 w 12217139"/>
              <a:gd name="connsiteY9" fmla="*/ 380490 h 808270"/>
              <a:gd name="connsiteX10" fmla="*/ 11368726 w 12217139"/>
              <a:gd name="connsiteY10" fmla="*/ 795270 h 808270"/>
              <a:gd name="connsiteX11" fmla="*/ 12217139 w 12217139"/>
              <a:gd name="connsiteY11" fmla="*/ 663294 h 808270"/>
              <a:gd name="connsiteX0" fmla="*/ 0 w 12217139"/>
              <a:gd name="connsiteY0" fmla="*/ 286223 h 808270"/>
              <a:gd name="connsiteX1" fmla="*/ 914402 w 12217139"/>
              <a:gd name="connsiteY1" fmla="*/ 3417 h 808270"/>
              <a:gd name="connsiteX2" fmla="*/ 1819374 w 12217139"/>
              <a:gd name="connsiteY2" fmla="*/ 474758 h 808270"/>
              <a:gd name="connsiteX3" fmla="*/ 2460396 w 12217139"/>
              <a:gd name="connsiteY3" fmla="*/ 446478 h 808270"/>
              <a:gd name="connsiteX4" fmla="*/ 3233394 w 12217139"/>
              <a:gd name="connsiteY4" fmla="*/ 653868 h 808270"/>
              <a:gd name="connsiteX5" fmla="*/ 4440025 w 12217139"/>
              <a:gd name="connsiteY5" fmla="*/ 437051 h 808270"/>
              <a:gd name="connsiteX6" fmla="*/ 5788058 w 12217139"/>
              <a:gd name="connsiteY6" fmla="*/ 531319 h 808270"/>
              <a:gd name="connsiteX7" fmla="*/ 6975836 w 12217139"/>
              <a:gd name="connsiteY7" fmla="*/ 229662 h 808270"/>
              <a:gd name="connsiteX8" fmla="*/ 8361576 w 12217139"/>
              <a:gd name="connsiteY8" fmla="*/ 569026 h 808270"/>
              <a:gd name="connsiteX9" fmla="*/ 9728462 w 12217139"/>
              <a:gd name="connsiteY9" fmla="*/ 380490 h 808270"/>
              <a:gd name="connsiteX10" fmla="*/ 11368726 w 12217139"/>
              <a:gd name="connsiteY10" fmla="*/ 795270 h 808270"/>
              <a:gd name="connsiteX11" fmla="*/ 12217139 w 12217139"/>
              <a:gd name="connsiteY11" fmla="*/ 663294 h 808270"/>
              <a:gd name="connsiteX0" fmla="*/ 0 w 12217139"/>
              <a:gd name="connsiteY0" fmla="*/ 125855 h 647902"/>
              <a:gd name="connsiteX1" fmla="*/ 914402 w 12217139"/>
              <a:gd name="connsiteY1" fmla="*/ 12731 h 647902"/>
              <a:gd name="connsiteX2" fmla="*/ 1819374 w 12217139"/>
              <a:gd name="connsiteY2" fmla="*/ 314390 h 647902"/>
              <a:gd name="connsiteX3" fmla="*/ 2460396 w 12217139"/>
              <a:gd name="connsiteY3" fmla="*/ 286110 h 647902"/>
              <a:gd name="connsiteX4" fmla="*/ 3233394 w 12217139"/>
              <a:gd name="connsiteY4" fmla="*/ 493500 h 647902"/>
              <a:gd name="connsiteX5" fmla="*/ 4440025 w 12217139"/>
              <a:gd name="connsiteY5" fmla="*/ 276683 h 647902"/>
              <a:gd name="connsiteX6" fmla="*/ 5788058 w 12217139"/>
              <a:gd name="connsiteY6" fmla="*/ 370951 h 647902"/>
              <a:gd name="connsiteX7" fmla="*/ 6975836 w 12217139"/>
              <a:gd name="connsiteY7" fmla="*/ 69294 h 647902"/>
              <a:gd name="connsiteX8" fmla="*/ 8361576 w 12217139"/>
              <a:gd name="connsiteY8" fmla="*/ 408658 h 647902"/>
              <a:gd name="connsiteX9" fmla="*/ 9728462 w 12217139"/>
              <a:gd name="connsiteY9" fmla="*/ 220122 h 647902"/>
              <a:gd name="connsiteX10" fmla="*/ 11368726 w 12217139"/>
              <a:gd name="connsiteY10" fmla="*/ 634902 h 647902"/>
              <a:gd name="connsiteX11" fmla="*/ 12217139 w 12217139"/>
              <a:gd name="connsiteY11" fmla="*/ 502926 h 647902"/>
              <a:gd name="connsiteX0" fmla="*/ 0 w 12179432"/>
              <a:gd name="connsiteY0" fmla="*/ 236351 h 635849"/>
              <a:gd name="connsiteX1" fmla="*/ 876695 w 12179432"/>
              <a:gd name="connsiteY1" fmla="*/ 678 h 635849"/>
              <a:gd name="connsiteX2" fmla="*/ 1781667 w 12179432"/>
              <a:gd name="connsiteY2" fmla="*/ 302337 h 635849"/>
              <a:gd name="connsiteX3" fmla="*/ 2422689 w 12179432"/>
              <a:gd name="connsiteY3" fmla="*/ 274057 h 635849"/>
              <a:gd name="connsiteX4" fmla="*/ 3195687 w 12179432"/>
              <a:gd name="connsiteY4" fmla="*/ 481447 h 635849"/>
              <a:gd name="connsiteX5" fmla="*/ 4402318 w 12179432"/>
              <a:gd name="connsiteY5" fmla="*/ 264630 h 635849"/>
              <a:gd name="connsiteX6" fmla="*/ 5750351 w 12179432"/>
              <a:gd name="connsiteY6" fmla="*/ 358898 h 635849"/>
              <a:gd name="connsiteX7" fmla="*/ 6938129 w 12179432"/>
              <a:gd name="connsiteY7" fmla="*/ 57241 h 635849"/>
              <a:gd name="connsiteX8" fmla="*/ 8323869 w 12179432"/>
              <a:gd name="connsiteY8" fmla="*/ 396605 h 635849"/>
              <a:gd name="connsiteX9" fmla="*/ 9690755 w 12179432"/>
              <a:gd name="connsiteY9" fmla="*/ 208069 h 635849"/>
              <a:gd name="connsiteX10" fmla="*/ 11331019 w 12179432"/>
              <a:gd name="connsiteY10" fmla="*/ 622849 h 635849"/>
              <a:gd name="connsiteX11" fmla="*/ 12179432 w 12179432"/>
              <a:gd name="connsiteY11" fmla="*/ 490873 h 635849"/>
              <a:gd name="connsiteX0" fmla="*/ 0 w 12179432"/>
              <a:gd name="connsiteY0" fmla="*/ 260408 h 659906"/>
              <a:gd name="connsiteX1" fmla="*/ 876695 w 12179432"/>
              <a:gd name="connsiteY1" fmla="*/ 24735 h 659906"/>
              <a:gd name="connsiteX2" fmla="*/ 1781667 w 12179432"/>
              <a:gd name="connsiteY2" fmla="*/ 326394 h 659906"/>
              <a:gd name="connsiteX3" fmla="*/ 2422689 w 12179432"/>
              <a:gd name="connsiteY3" fmla="*/ 298114 h 659906"/>
              <a:gd name="connsiteX4" fmla="*/ 3195687 w 12179432"/>
              <a:gd name="connsiteY4" fmla="*/ 505504 h 659906"/>
              <a:gd name="connsiteX5" fmla="*/ 4402318 w 12179432"/>
              <a:gd name="connsiteY5" fmla="*/ 288687 h 659906"/>
              <a:gd name="connsiteX6" fmla="*/ 5750351 w 12179432"/>
              <a:gd name="connsiteY6" fmla="*/ 382955 h 659906"/>
              <a:gd name="connsiteX7" fmla="*/ 6938129 w 12179432"/>
              <a:gd name="connsiteY7" fmla="*/ 81298 h 659906"/>
              <a:gd name="connsiteX8" fmla="*/ 8323869 w 12179432"/>
              <a:gd name="connsiteY8" fmla="*/ 420662 h 659906"/>
              <a:gd name="connsiteX9" fmla="*/ 9690755 w 12179432"/>
              <a:gd name="connsiteY9" fmla="*/ 232126 h 659906"/>
              <a:gd name="connsiteX10" fmla="*/ 11331019 w 12179432"/>
              <a:gd name="connsiteY10" fmla="*/ 646906 h 659906"/>
              <a:gd name="connsiteX11" fmla="*/ 12179432 w 12179432"/>
              <a:gd name="connsiteY11" fmla="*/ 514930 h 659906"/>
              <a:gd name="connsiteX0" fmla="*/ 0 w 12179432"/>
              <a:gd name="connsiteY0" fmla="*/ 236204 h 635702"/>
              <a:gd name="connsiteX1" fmla="*/ 876695 w 12179432"/>
              <a:gd name="connsiteY1" fmla="*/ 531 h 635702"/>
              <a:gd name="connsiteX2" fmla="*/ 1781667 w 12179432"/>
              <a:gd name="connsiteY2" fmla="*/ 302190 h 635702"/>
              <a:gd name="connsiteX3" fmla="*/ 2422689 w 12179432"/>
              <a:gd name="connsiteY3" fmla="*/ 273910 h 635702"/>
              <a:gd name="connsiteX4" fmla="*/ 3195687 w 12179432"/>
              <a:gd name="connsiteY4" fmla="*/ 481300 h 635702"/>
              <a:gd name="connsiteX5" fmla="*/ 4402318 w 12179432"/>
              <a:gd name="connsiteY5" fmla="*/ 264483 h 635702"/>
              <a:gd name="connsiteX6" fmla="*/ 5750351 w 12179432"/>
              <a:gd name="connsiteY6" fmla="*/ 358751 h 635702"/>
              <a:gd name="connsiteX7" fmla="*/ 6938129 w 12179432"/>
              <a:gd name="connsiteY7" fmla="*/ 57094 h 635702"/>
              <a:gd name="connsiteX8" fmla="*/ 8323869 w 12179432"/>
              <a:gd name="connsiteY8" fmla="*/ 396458 h 635702"/>
              <a:gd name="connsiteX9" fmla="*/ 9690755 w 12179432"/>
              <a:gd name="connsiteY9" fmla="*/ 207922 h 635702"/>
              <a:gd name="connsiteX10" fmla="*/ 11331019 w 12179432"/>
              <a:gd name="connsiteY10" fmla="*/ 622702 h 635702"/>
              <a:gd name="connsiteX11" fmla="*/ 12179432 w 12179432"/>
              <a:gd name="connsiteY11" fmla="*/ 490726 h 635702"/>
              <a:gd name="connsiteX0" fmla="*/ 0 w 12217140"/>
              <a:gd name="connsiteY0" fmla="*/ 236204 h 635702"/>
              <a:gd name="connsiteX1" fmla="*/ 914403 w 12217140"/>
              <a:gd name="connsiteY1" fmla="*/ 531 h 635702"/>
              <a:gd name="connsiteX2" fmla="*/ 1819375 w 12217140"/>
              <a:gd name="connsiteY2" fmla="*/ 302190 h 635702"/>
              <a:gd name="connsiteX3" fmla="*/ 2460397 w 12217140"/>
              <a:gd name="connsiteY3" fmla="*/ 273910 h 635702"/>
              <a:gd name="connsiteX4" fmla="*/ 3233395 w 12217140"/>
              <a:gd name="connsiteY4" fmla="*/ 481300 h 635702"/>
              <a:gd name="connsiteX5" fmla="*/ 4440026 w 12217140"/>
              <a:gd name="connsiteY5" fmla="*/ 264483 h 635702"/>
              <a:gd name="connsiteX6" fmla="*/ 5788059 w 12217140"/>
              <a:gd name="connsiteY6" fmla="*/ 358751 h 635702"/>
              <a:gd name="connsiteX7" fmla="*/ 6975837 w 12217140"/>
              <a:gd name="connsiteY7" fmla="*/ 57094 h 635702"/>
              <a:gd name="connsiteX8" fmla="*/ 8361577 w 12217140"/>
              <a:gd name="connsiteY8" fmla="*/ 396458 h 635702"/>
              <a:gd name="connsiteX9" fmla="*/ 9728463 w 12217140"/>
              <a:gd name="connsiteY9" fmla="*/ 207922 h 635702"/>
              <a:gd name="connsiteX10" fmla="*/ 11368727 w 12217140"/>
              <a:gd name="connsiteY10" fmla="*/ 622702 h 635702"/>
              <a:gd name="connsiteX11" fmla="*/ 12217140 w 12217140"/>
              <a:gd name="connsiteY11" fmla="*/ 490726 h 635702"/>
              <a:gd name="connsiteX0" fmla="*/ 0 w 12217140"/>
              <a:gd name="connsiteY0" fmla="*/ 236204 h 3047325"/>
              <a:gd name="connsiteX1" fmla="*/ 914403 w 12217140"/>
              <a:gd name="connsiteY1" fmla="*/ 531 h 3047325"/>
              <a:gd name="connsiteX2" fmla="*/ 1819375 w 12217140"/>
              <a:gd name="connsiteY2" fmla="*/ 302190 h 3047325"/>
              <a:gd name="connsiteX3" fmla="*/ 2460397 w 12217140"/>
              <a:gd name="connsiteY3" fmla="*/ 273910 h 3047325"/>
              <a:gd name="connsiteX4" fmla="*/ 2949570 w 12217140"/>
              <a:gd name="connsiteY4" fmla="*/ 3047287 h 3047325"/>
              <a:gd name="connsiteX5" fmla="*/ 4440026 w 12217140"/>
              <a:gd name="connsiteY5" fmla="*/ 264483 h 3047325"/>
              <a:gd name="connsiteX6" fmla="*/ 5788059 w 12217140"/>
              <a:gd name="connsiteY6" fmla="*/ 358751 h 3047325"/>
              <a:gd name="connsiteX7" fmla="*/ 6975837 w 12217140"/>
              <a:gd name="connsiteY7" fmla="*/ 57094 h 3047325"/>
              <a:gd name="connsiteX8" fmla="*/ 8361577 w 12217140"/>
              <a:gd name="connsiteY8" fmla="*/ 396458 h 3047325"/>
              <a:gd name="connsiteX9" fmla="*/ 9728463 w 12217140"/>
              <a:gd name="connsiteY9" fmla="*/ 207922 h 3047325"/>
              <a:gd name="connsiteX10" fmla="*/ 11368727 w 12217140"/>
              <a:gd name="connsiteY10" fmla="*/ 622702 h 3047325"/>
              <a:gd name="connsiteX11" fmla="*/ 12217140 w 12217140"/>
              <a:gd name="connsiteY11" fmla="*/ 490726 h 3047325"/>
              <a:gd name="connsiteX0" fmla="*/ 0 w 12217140"/>
              <a:gd name="connsiteY0" fmla="*/ 308167 h 3119288"/>
              <a:gd name="connsiteX1" fmla="*/ 914403 w 12217140"/>
              <a:gd name="connsiteY1" fmla="*/ 72494 h 3119288"/>
              <a:gd name="connsiteX2" fmla="*/ 1819375 w 12217140"/>
              <a:gd name="connsiteY2" fmla="*/ 374153 h 3119288"/>
              <a:gd name="connsiteX3" fmla="*/ 2460397 w 12217140"/>
              <a:gd name="connsiteY3" fmla="*/ 345873 h 3119288"/>
              <a:gd name="connsiteX4" fmla="*/ 2949570 w 12217140"/>
              <a:gd name="connsiteY4" fmla="*/ 3119250 h 3119288"/>
              <a:gd name="connsiteX5" fmla="*/ 4440026 w 12217140"/>
              <a:gd name="connsiteY5" fmla="*/ 336446 h 3119288"/>
              <a:gd name="connsiteX6" fmla="*/ 5704307 w 12217140"/>
              <a:gd name="connsiteY6" fmla="*/ 2982525 h 3119288"/>
              <a:gd name="connsiteX7" fmla="*/ 6975837 w 12217140"/>
              <a:gd name="connsiteY7" fmla="*/ 129057 h 3119288"/>
              <a:gd name="connsiteX8" fmla="*/ 8361577 w 12217140"/>
              <a:gd name="connsiteY8" fmla="*/ 468421 h 3119288"/>
              <a:gd name="connsiteX9" fmla="*/ 9728463 w 12217140"/>
              <a:gd name="connsiteY9" fmla="*/ 279885 h 3119288"/>
              <a:gd name="connsiteX10" fmla="*/ 11368727 w 12217140"/>
              <a:gd name="connsiteY10" fmla="*/ 694665 h 3119288"/>
              <a:gd name="connsiteX11" fmla="*/ 12217140 w 12217140"/>
              <a:gd name="connsiteY11" fmla="*/ 562689 h 3119288"/>
              <a:gd name="connsiteX0" fmla="*/ 0 w 12217140"/>
              <a:gd name="connsiteY0" fmla="*/ 236204 h 3123303"/>
              <a:gd name="connsiteX1" fmla="*/ 914403 w 12217140"/>
              <a:gd name="connsiteY1" fmla="*/ 531 h 3123303"/>
              <a:gd name="connsiteX2" fmla="*/ 1819375 w 12217140"/>
              <a:gd name="connsiteY2" fmla="*/ 302190 h 3123303"/>
              <a:gd name="connsiteX3" fmla="*/ 2460397 w 12217140"/>
              <a:gd name="connsiteY3" fmla="*/ 273910 h 3123303"/>
              <a:gd name="connsiteX4" fmla="*/ 2949570 w 12217140"/>
              <a:gd name="connsiteY4" fmla="*/ 3047287 h 3123303"/>
              <a:gd name="connsiteX5" fmla="*/ 4440026 w 12217140"/>
              <a:gd name="connsiteY5" fmla="*/ 264483 h 3123303"/>
              <a:gd name="connsiteX6" fmla="*/ 5704307 w 12217140"/>
              <a:gd name="connsiteY6" fmla="*/ 2910562 h 3123303"/>
              <a:gd name="connsiteX7" fmla="*/ 6975837 w 12217140"/>
              <a:gd name="connsiteY7" fmla="*/ 57094 h 3123303"/>
              <a:gd name="connsiteX8" fmla="*/ 8752420 w 12217140"/>
              <a:gd name="connsiteY8" fmla="*/ 3123116 h 3123303"/>
              <a:gd name="connsiteX9" fmla="*/ 9728463 w 12217140"/>
              <a:gd name="connsiteY9" fmla="*/ 207922 h 3123303"/>
              <a:gd name="connsiteX10" fmla="*/ 11368727 w 12217140"/>
              <a:gd name="connsiteY10" fmla="*/ 622702 h 3123303"/>
              <a:gd name="connsiteX11" fmla="*/ 12217140 w 12217140"/>
              <a:gd name="connsiteY11" fmla="*/ 490726 h 3123303"/>
              <a:gd name="connsiteX0" fmla="*/ 0 w 12217140"/>
              <a:gd name="connsiteY0" fmla="*/ 287253 h 3174351"/>
              <a:gd name="connsiteX1" fmla="*/ 914403 w 12217140"/>
              <a:gd name="connsiteY1" fmla="*/ 51580 h 3174351"/>
              <a:gd name="connsiteX2" fmla="*/ 2460397 w 12217140"/>
              <a:gd name="connsiteY2" fmla="*/ 324959 h 3174351"/>
              <a:gd name="connsiteX3" fmla="*/ 2949570 w 12217140"/>
              <a:gd name="connsiteY3" fmla="*/ 3098336 h 3174351"/>
              <a:gd name="connsiteX4" fmla="*/ 4440026 w 12217140"/>
              <a:gd name="connsiteY4" fmla="*/ 315532 h 3174351"/>
              <a:gd name="connsiteX5" fmla="*/ 5704307 w 12217140"/>
              <a:gd name="connsiteY5" fmla="*/ 2961611 h 3174351"/>
              <a:gd name="connsiteX6" fmla="*/ 6975837 w 12217140"/>
              <a:gd name="connsiteY6" fmla="*/ 108143 h 3174351"/>
              <a:gd name="connsiteX7" fmla="*/ 8752420 w 12217140"/>
              <a:gd name="connsiteY7" fmla="*/ 3174165 h 3174351"/>
              <a:gd name="connsiteX8" fmla="*/ 9728463 w 12217140"/>
              <a:gd name="connsiteY8" fmla="*/ 258971 h 3174351"/>
              <a:gd name="connsiteX9" fmla="*/ 11368727 w 12217140"/>
              <a:gd name="connsiteY9" fmla="*/ 673751 h 3174351"/>
              <a:gd name="connsiteX10" fmla="*/ 12217140 w 12217140"/>
              <a:gd name="connsiteY10" fmla="*/ 541775 h 3174351"/>
              <a:gd name="connsiteX0" fmla="*/ 0 w 12217140"/>
              <a:gd name="connsiteY0" fmla="*/ 279749 h 3166847"/>
              <a:gd name="connsiteX1" fmla="*/ 914403 w 12217140"/>
              <a:gd name="connsiteY1" fmla="*/ 44076 h 3166847"/>
              <a:gd name="connsiteX2" fmla="*/ 2469703 w 12217140"/>
              <a:gd name="connsiteY2" fmla="*/ 331632 h 3166847"/>
              <a:gd name="connsiteX3" fmla="*/ 2949570 w 12217140"/>
              <a:gd name="connsiteY3" fmla="*/ 3090832 h 3166847"/>
              <a:gd name="connsiteX4" fmla="*/ 4440026 w 12217140"/>
              <a:gd name="connsiteY4" fmla="*/ 308028 h 3166847"/>
              <a:gd name="connsiteX5" fmla="*/ 5704307 w 12217140"/>
              <a:gd name="connsiteY5" fmla="*/ 2954107 h 3166847"/>
              <a:gd name="connsiteX6" fmla="*/ 6975837 w 12217140"/>
              <a:gd name="connsiteY6" fmla="*/ 100639 h 3166847"/>
              <a:gd name="connsiteX7" fmla="*/ 8752420 w 12217140"/>
              <a:gd name="connsiteY7" fmla="*/ 3166661 h 3166847"/>
              <a:gd name="connsiteX8" fmla="*/ 9728463 w 12217140"/>
              <a:gd name="connsiteY8" fmla="*/ 251467 h 3166847"/>
              <a:gd name="connsiteX9" fmla="*/ 11368727 w 12217140"/>
              <a:gd name="connsiteY9" fmla="*/ 666247 h 3166847"/>
              <a:gd name="connsiteX10" fmla="*/ 12217140 w 12217140"/>
              <a:gd name="connsiteY10" fmla="*/ 534271 h 3166847"/>
              <a:gd name="connsiteX0" fmla="*/ 0 w 12217140"/>
              <a:gd name="connsiteY0" fmla="*/ 409064 h 3296162"/>
              <a:gd name="connsiteX1" fmla="*/ 914403 w 12217140"/>
              <a:gd name="connsiteY1" fmla="*/ 173391 h 3296162"/>
              <a:gd name="connsiteX2" fmla="*/ 2949570 w 12217140"/>
              <a:gd name="connsiteY2" fmla="*/ 3220147 h 3296162"/>
              <a:gd name="connsiteX3" fmla="*/ 4440026 w 12217140"/>
              <a:gd name="connsiteY3" fmla="*/ 437343 h 3296162"/>
              <a:gd name="connsiteX4" fmla="*/ 5704307 w 12217140"/>
              <a:gd name="connsiteY4" fmla="*/ 3083422 h 3296162"/>
              <a:gd name="connsiteX5" fmla="*/ 6975837 w 12217140"/>
              <a:gd name="connsiteY5" fmla="*/ 229954 h 3296162"/>
              <a:gd name="connsiteX6" fmla="*/ 8752420 w 12217140"/>
              <a:gd name="connsiteY6" fmla="*/ 3295976 h 3296162"/>
              <a:gd name="connsiteX7" fmla="*/ 9728463 w 12217140"/>
              <a:gd name="connsiteY7" fmla="*/ 380782 h 3296162"/>
              <a:gd name="connsiteX8" fmla="*/ 11368727 w 12217140"/>
              <a:gd name="connsiteY8" fmla="*/ 795562 h 3296162"/>
              <a:gd name="connsiteX9" fmla="*/ 12217140 w 12217140"/>
              <a:gd name="connsiteY9" fmla="*/ 663586 h 3296162"/>
              <a:gd name="connsiteX0" fmla="*/ 0 w 12217140"/>
              <a:gd name="connsiteY0" fmla="*/ 179437 h 3066535"/>
              <a:gd name="connsiteX1" fmla="*/ 2949570 w 12217140"/>
              <a:gd name="connsiteY1" fmla="*/ 2990520 h 3066535"/>
              <a:gd name="connsiteX2" fmla="*/ 4440026 w 12217140"/>
              <a:gd name="connsiteY2" fmla="*/ 207716 h 3066535"/>
              <a:gd name="connsiteX3" fmla="*/ 5704307 w 12217140"/>
              <a:gd name="connsiteY3" fmla="*/ 2853795 h 3066535"/>
              <a:gd name="connsiteX4" fmla="*/ 6975837 w 12217140"/>
              <a:gd name="connsiteY4" fmla="*/ 327 h 3066535"/>
              <a:gd name="connsiteX5" fmla="*/ 8752420 w 12217140"/>
              <a:gd name="connsiteY5" fmla="*/ 3066349 h 3066535"/>
              <a:gd name="connsiteX6" fmla="*/ 9728463 w 12217140"/>
              <a:gd name="connsiteY6" fmla="*/ 151155 h 3066535"/>
              <a:gd name="connsiteX7" fmla="*/ 11368727 w 12217140"/>
              <a:gd name="connsiteY7" fmla="*/ 565935 h 3066535"/>
              <a:gd name="connsiteX8" fmla="*/ 12217140 w 12217140"/>
              <a:gd name="connsiteY8" fmla="*/ 433959 h 3066535"/>
              <a:gd name="connsiteX0" fmla="*/ 0 w 12217140"/>
              <a:gd name="connsiteY0" fmla="*/ 179437 h 3066535"/>
              <a:gd name="connsiteX1" fmla="*/ 2949570 w 12217140"/>
              <a:gd name="connsiteY1" fmla="*/ 2990520 h 3066535"/>
              <a:gd name="connsiteX2" fmla="*/ 4440026 w 12217140"/>
              <a:gd name="connsiteY2" fmla="*/ 207716 h 3066535"/>
              <a:gd name="connsiteX3" fmla="*/ 5704307 w 12217140"/>
              <a:gd name="connsiteY3" fmla="*/ 2853795 h 3066535"/>
              <a:gd name="connsiteX4" fmla="*/ 6975837 w 12217140"/>
              <a:gd name="connsiteY4" fmla="*/ 327 h 3066535"/>
              <a:gd name="connsiteX5" fmla="*/ 8752420 w 12217140"/>
              <a:gd name="connsiteY5" fmla="*/ 3066349 h 3066535"/>
              <a:gd name="connsiteX6" fmla="*/ 9728463 w 12217140"/>
              <a:gd name="connsiteY6" fmla="*/ 151155 h 3066535"/>
              <a:gd name="connsiteX7" fmla="*/ 11368727 w 12217140"/>
              <a:gd name="connsiteY7" fmla="*/ 565935 h 3066535"/>
              <a:gd name="connsiteX8" fmla="*/ 12217140 w 12217140"/>
              <a:gd name="connsiteY8" fmla="*/ 433959 h 3066535"/>
              <a:gd name="connsiteX0" fmla="*/ 0 w 12217140"/>
              <a:gd name="connsiteY0" fmla="*/ 179437 h 3066535"/>
              <a:gd name="connsiteX1" fmla="*/ 2949570 w 12217140"/>
              <a:gd name="connsiteY1" fmla="*/ 2990520 h 3066535"/>
              <a:gd name="connsiteX2" fmla="*/ 4440026 w 12217140"/>
              <a:gd name="connsiteY2" fmla="*/ 207716 h 3066535"/>
              <a:gd name="connsiteX3" fmla="*/ 5704307 w 12217140"/>
              <a:gd name="connsiteY3" fmla="*/ 2853795 h 3066535"/>
              <a:gd name="connsiteX4" fmla="*/ 6975837 w 12217140"/>
              <a:gd name="connsiteY4" fmla="*/ 327 h 3066535"/>
              <a:gd name="connsiteX5" fmla="*/ 8752420 w 12217140"/>
              <a:gd name="connsiteY5" fmla="*/ 3066349 h 3066535"/>
              <a:gd name="connsiteX6" fmla="*/ 9728463 w 12217140"/>
              <a:gd name="connsiteY6" fmla="*/ 151155 h 3066535"/>
              <a:gd name="connsiteX7" fmla="*/ 11368727 w 12217140"/>
              <a:gd name="connsiteY7" fmla="*/ 565935 h 3066535"/>
              <a:gd name="connsiteX8" fmla="*/ 12217140 w 12217140"/>
              <a:gd name="connsiteY8" fmla="*/ 433959 h 3066535"/>
              <a:gd name="connsiteX0" fmla="*/ 0 w 12217140"/>
              <a:gd name="connsiteY0" fmla="*/ 455470 h 3342568"/>
              <a:gd name="connsiteX1" fmla="*/ 2949570 w 12217140"/>
              <a:gd name="connsiteY1" fmla="*/ 3266553 h 3342568"/>
              <a:gd name="connsiteX2" fmla="*/ 4440026 w 12217140"/>
              <a:gd name="connsiteY2" fmla="*/ 483749 h 3342568"/>
              <a:gd name="connsiteX3" fmla="*/ 6975837 w 12217140"/>
              <a:gd name="connsiteY3" fmla="*/ 276360 h 3342568"/>
              <a:gd name="connsiteX4" fmla="*/ 8752420 w 12217140"/>
              <a:gd name="connsiteY4" fmla="*/ 3342382 h 3342568"/>
              <a:gd name="connsiteX5" fmla="*/ 9728463 w 12217140"/>
              <a:gd name="connsiteY5" fmla="*/ 427188 h 3342568"/>
              <a:gd name="connsiteX6" fmla="*/ 11368727 w 12217140"/>
              <a:gd name="connsiteY6" fmla="*/ 841968 h 3342568"/>
              <a:gd name="connsiteX7" fmla="*/ 12217140 w 12217140"/>
              <a:gd name="connsiteY7" fmla="*/ 709992 h 3342568"/>
              <a:gd name="connsiteX0" fmla="*/ 0 w 12217140"/>
              <a:gd name="connsiteY0" fmla="*/ 445706 h 3332771"/>
              <a:gd name="connsiteX1" fmla="*/ 2949570 w 12217140"/>
              <a:gd name="connsiteY1" fmla="*/ 3256789 h 3332771"/>
              <a:gd name="connsiteX2" fmla="*/ 4440026 w 12217140"/>
              <a:gd name="connsiteY2" fmla="*/ 473985 h 3332771"/>
              <a:gd name="connsiteX3" fmla="*/ 6989796 w 12217140"/>
              <a:gd name="connsiteY3" fmla="*/ 280773 h 3332771"/>
              <a:gd name="connsiteX4" fmla="*/ 8752420 w 12217140"/>
              <a:gd name="connsiteY4" fmla="*/ 3332618 h 3332771"/>
              <a:gd name="connsiteX5" fmla="*/ 9728463 w 12217140"/>
              <a:gd name="connsiteY5" fmla="*/ 417424 h 3332771"/>
              <a:gd name="connsiteX6" fmla="*/ 11368727 w 12217140"/>
              <a:gd name="connsiteY6" fmla="*/ 832204 h 3332771"/>
              <a:gd name="connsiteX7" fmla="*/ 12217140 w 12217140"/>
              <a:gd name="connsiteY7" fmla="*/ 700228 h 3332771"/>
              <a:gd name="connsiteX0" fmla="*/ 0 w 12217140"/>
              <a:gd name="connsiteY0" fmla="*/ 149874 h 3036809"/>
              <a:gd name="connsiteX1" fmla="*/ 2949570 w 12217140"/>
              <a:gd name="connsiteY1" fmla="*/ 2960957 h 3036809"/>
              <a:gd name="connsiteX2" fmla="*/ 4440026 w 12217140"/>
              <a:gd name="connsiteY2" fmla="*/ 178153 h 3036809"/>
              <a:gd name="connsiteX3" fmla="*/ 8752420 w 12217140"/>
              <a:gd name="connsiteY3" fmla="*/ 3036786 h 3036809"/>
              <a:gd name="connsiteX4" fmla="*/ 9728463 w 12217140"/>
              <a:gd name="connsiteY4" fmla="*/ 121592 h 3036809"/>
              <a:gd name="connsiteX5" fmla="*/ 11368727 w 12217140"/>
              <a:gd name="connsiteY5" fmla="*/ 536372 h 3036809"/>
              <a:gd name="connsiteX6" fmla="*/ 12217140 w 12217140"/>
              <a:gd name="connsiteY6" fmla="*/ 404396 h 3036809"/>
              <a:gd name="connsiteX0" fmla="*/ 0 w 12217140"/>
              <a:gd name="connsiteY0" fmla="*/ 151333 h 3038369"/>
              <a:gd name="connsiteX1" fmla="*/ 2949570 w 12217140"/>
              <a:gd name="connsiteY1" fmla="*/ 2962416 h 3038369"/>
              <a:gd name="connsiteX2" fmla="*/ 5780057 w 12217140"/>
              <a:gd name="connsiteY2" fmla="*/ 40 h 3038369"/>
              <a:gd name="connsiteX3" fmla="*/ 8752420 w 12217140"/>
              <a:gd name="connsiteY3" fmla="*/ 3038245 h 3038369"/>
              <a:gd name="connsiteX4" fmla="*/ 9728463 w 12217140"/>
              <a:gd name="connsiteY4" fmla="*/ 123051 h 3038369"/>
              <a:gd name="connsiteX5" fmla="*/ 11368727 w 12217140"/>
              <a:gd name="connsiteY5" fmla="*/ 537831 h 3038369"/>
              <a:gd name="connsiteX6" fmla="*/ 12217140 w 12217140"/>
              <a:gd name="connsiteY6" fmla="*/ 405855 h 3038369"/>
              <a:gd name="connsiteX0" fmla="*/ 0 w 12217140"/>
              <a:gd name="connsiteY0" fmla="*/ 151322 h 3038358"/>
              <a:gd name="connsiteX1" fmla="*/ 2949570 w 12217140"/>
              <a:gd name="connsiteY1" fmla="*/ 2962405 h 3038358"/>
              <a:gd name="connsiteX2" fmla="*/ 5780057 w 12217140"/>
              <a:gd name="connsiteY2" fmla="*/ 29 h 3038358"/>
              <a:gd name="connsiteX3" fmla="*/ 8752420 w 12217140"/>
              <a:gd name="connsiteY3" fmla="*/ 3038234 h 3038358"/>
              <a:gd name="connsiteX4" fmla="*/ 9728463 w 12217140"/>
              <a:gd name="connsiteY4" fmla="*/ 123040 h 3038358"/>
              <a:gd name="connsiteX5" fmla="*/ 11368727 w 12217140"/>
              <a:gd name="connsiteY5" fmla="*/ 537820 h 3038358"/>
              <a:gd name="connsiteX6" fmla="*/ 12217140 w 12217140"/>
              <a:gd name="connsiteY6" fmla="*/ 405844 h 3038358"/>
              <a:gd name="connsiteX0" fmla="*/ 0 w 12217140"/>
              <a:gd name="connsiteY0" fmla="*/ 151323 h 3040957"/>
              <a:gd name="connsiteX1" fmla="*/ 2949570 w 12217140"/>
              <a:gd name="connsiteY1" fmla="*/ 2962406 h 3040957"/>
              <a:gd name="connsiteX2" fmla="*/ 5780057 w 12217140"/>
              <a:gd name="connsiteY2" fmla="*/ 30 h 3040957"/>
              <a:gd name="connsiteX3" fmla="*/ 8752420 w 12217140"/>
              <a:gd name="connsiteY3" fmla="*/ 3038235 h 3040957"/>
              <a:gd name="connsiteX4" fmla="*/ 11368727 w 12217140"/>
              <a:gd name="connsiteY4" fmla="*/ 537821 h 3040957"/>
              <a:gd name="connsiteX5" fmla="*/ 12217140 w 12217140"/>
              <a:gd name="connsiteY5" fmla="*/ 405845 h 3040957"/>
              <a:gd name="connsiteX0" fmla="*/ 0 w 12217140"/>
              <a:gd name="connsiteY0" fmla="*/ 151323 h 3039794"/>
              <a:gd name="connsiteX1" fmla="*/ 2949570 w 12217140"/>
              <a:gd name="connsiteY1" fmla="*/ 2962406 h 3039794"/>
              <a:gd name="connsiteX2" fmla="*/ 5780057 w 12217140"/>
              <a:gd name="connsiteY2" fmla="*/ 30 h 3039794"/>
              <a:gd name="connsiteX3" fmla="*/ 8752420 w 12217140"/>
              <a:gd name="connsiteY3" fmla="*/ 3038235 h 3039794"/>
              <a:gd name="connsiteX4" fmla="*/ 12217140 w 12217140"/>
              <a:gd name="connsiteY4" fmla="*/ 405845 h 3039794"/>
              <a:gd name="connsiteX0" fmla="*/ 0 w 11379329"/>
              <a:gd name="connsiteY0" fmla="*/ 151323 h 3038334"/>
              <a:gd name="connsiteX1" fmla="*/ 2949570 w 11379329"/>
              <a:gd name="connsiteY1" fmla="*/ 2962406 h 3038334"/>
              <a:gd name="connsiteX2" fmla="*/ 5780057 w 11379329"/>
              <a:gd name="connsiteY2" fmla="*/ 30 h 3038334"/>
              <a:gd name="connsiteX3" fmla="*/ 8752420 w 11379329"/>
              <a:gd name="connsiteY3" fmla="*/ 3038235 h 3038334"/>
              <a:gd name="connsiteX4" fmla="*/ 11379329 w 11379329"/>
              <a:gd name="connsiteY4" fmla="*/ 107395 h 3038334"/>
              <a:gd name="connsiteX0" fmla="*/ 0 w 12204635"/>
              <a:gd name="connsiteY0" fmla="*/ 151323 h 3038275"/>
              <a:gd name="connsiteX1" fmla="*/ 2949570 w 12204635"/>
              <a:gd name="connsiteY1" fmla="*/ 2962406 h 3038275"/>
              <a:gd name="connsiteX2" fmla="*/ 5780057 w 12204635"/>
              <a:gd name="connsiteY2" fmla="*/ 30 h 3038275"/>
              <a:gd name="connsiteX3" fmla="*/ 8752420 w 12204635"/>
              <a:gd name="connsiteY3" fmla="*/ 3038235 h 3038275"/>
              <a:gd name="connsiteX4" fmla="*/ 12204635 w 12204635"/>
              <a:gd name="connsiteY4" fmla="*/ 69295 h 3038275"/>
              <a:gd name="connsiteX0" fmla="*/ 0 w 12867381"/>
              <a:gd name="connsiteY0" fmla="*/ 144972 h 3038275"/>
              <a:gd name="connsiteX1" fmla="*/ 3612316 w 12867381"/>
              <a:gd name="connsiteY1" fmla="*/ 2962406 h 3038275"/>
              <a:gd name="connsiteX2" fmla="*/ 6442803 w 12867381"/>
              <a:gd name="connsiteY2" fmla="*/ 30 h 3038275"/>
              <a:gd name="connsiteX3" fmla="*/ 9415166 w 12867381"/>
              <a:gd name="connsiteY3" fmla="*/ 3038235 h 3038275"/>
              <a:gd name="connsiteX4" fmla="*/ 12867381 w 12867381"/>
              <a:gd name="connsiteY4" fmla="*/ 69295 h 3038275"/>
              <a:gd name="connsiteX0" fmla="*/ 0 w 12867381"/>
              <a:gd name="connsiteY0" fmla="*/ 144972 h 3038262"/>
              <a:gd name="connsiteX1" fmla="*/ 3612316 w 12867381"/>
              <a:gd name="connsiteY1" fmla="*/ 2962406 h 3038262"/>
              <a:gd name="connsiteX2" fmla="*/ 6442803 w 12867381"/>
              <a:gd name="connsiteY2" fmla="*/ 30 h 3038262"/>
              <a:gd name="connsiteX3" fmla="*/ 9415166 w 12867381"/>
              <a:gd name="connsiteY3" fmla="*/ 3038235 h 3038262"/>
              <a:gd name="connsiteX4" fmla="*/ 12867381 w 12867381"/>
              <a:gd name="connsiteY4" fmla="*/ 56595 h 3038262"/>
              <a:gd name="connsiteX0" fmla="*/ 0 w 12867381"/>
              <a:gd name="connsiteY0" fmla="*/ 144972 h 3038257"/>
              <a:gd name="connsiteX1" fmla="*/ 3612316 w 12867381"/>
              <a:gd name="connsiteY1" fmla="*/ 2962406 h 3038257"/>
              <a:gd name="connsiteX2" fmla="*/ 6442803 w 12867381"/>
              <a:gd name="connsiteY2" fmla="*/ 30 h 3038257"/>
              <a:gd name="connsiteX3" fmla="*/ 9415166 w 12867381"/>
              <a:gd name="connsiteY3" fmla="*/ 3038235 h 3038257"/>
              <a:gd name="connsiteX4" fmla="*/ 12867381 w 12867381"/>
              <a:gd name="connsiteY4" fmla="*/ 56595 h 3038257"/>
              <a:gd name="connsiteX0" fmla="*/ 0 w 12867381"/>
              <a:gd name="connsiteY0" fmla="*/ 145005 h 3057341"/>
              <a:gd name="connsiteX1" fmla="*/ 3612316 w 12867381"/>
              <a:gd name="connsiteY1" fmla="*/ 2962439 h 3057341"/>
              <a:gd name="connsiteX2" fmla="*/ 6442803 w 12867381"/>
              <a:gd name="connsiteY2" fmla="*/ 63 h 3057341"/>
              <a:gd name="connsiteX3" fmla="*/ 9408913 w 12867381"/>
              <a:gd name="connsiteY3" fmla="*/ 3057318 h 3057341"/>
              <a:gd name="connsiteX4" fmla="*/ 12867381 w 12867381"/>
              <a:gd name="connsiteY4" fmla="*/ 56628 h 3057341"/>
              <a:gd name="connsiteX0" fmla="*/ 0 w 12867381"/>
              <a:gd name="connsiteY0" fmla="*/ 145005 h 3057440"/>
              <a:gd name="connsiteX1" fmla="*/ 3612316 w 12867381"/>
              <a:gd name="connsiteY1" fmla="*/ 2962439 h 3057440"/>
              <a:gd name="connsiteX2" fmla="*/ 6442803 w 12867381"/>
              <a:gd name="connsiteY2" fmla="*/ 63 h 3057440"/>
              <a:gd name="connsiteX3" fmla="*/ 9408913 w 12867381"/>
              <a:gd name="connsiteY3" fmla="*/ 3057318 h 3057440"/>
              <a:gd name="connsiteX4" fmla="*/ 12867381 w 12867381"/>
              <a:gd name="connsiteY4" fmla="*/ 56628 h 3057440"/>
              <a:gd name="connsiteX0" fmla="*/ 0 w 12867381"/>
              <a:gd name="connsiteY0" fmla="*/ 144965 h 3057399"/>
              <a:gd name="connsiteX1" fmla="*/ 3612316 w 12867381"/>
              <a:gd name="connsiteY1" fmla="*/ 2962399 h 3057399"/>
              <a:gd name="connsiteX2" fmla="*/ 6442803 w 12867381"/>
              <a:gd name="connsiteY2" fmla="*/ 23 h 3057399"/>
              <a:gd name="connsiteX3" fmla="*/ 9408913 w 12867381"/>
              <a:gd name="connsiteY3" fmla="*/ 3057278 h 3057399"/>
              <a:gd name="connsiteX4" fmla="*/ 12867381 w 12867381"/>
              <a:gd name="connsiteY4" fmla="*/ 56588 h 3057399"/>
              <a:gd name="connsiteX0" fmla="*/ 0 w 12867381"/>
              <a:gd name="connsiteY0" fmla="*/ 144965 h 3057399"/>
              <a:gd name="connsiteX1" fmla="*/ 3612316 w 12867381"/>
              <a:gd name="connsiteY1" fmla="*/ 2962399 h 3057399"/>
              <a:gd name="connsiteX2" fmla="*/ 6442803 w 12867381"/>
              <a:gd name="connsiteY2" fmla="*/ 23 h 3057399"/>
              <a:gd name="connsiteX3" fmla="*/ 9408913 w 12867381"/>
              <a:gd name="connsiteY3" fmla="*/ 3057278 h 3057399"/>
              <a:gd name="connsiteX4" fmla="*/ 12867381 w 12867381"/>
              <a:gd name="connsiteY4" fmla="*/ 56588 h 3057399"/>
              <a:gd name="connsiteX0" fmla="*/ 0 w 12867381"/>
              <a:gd name="connsiteY0" fmla="*/ 175054 h 3087488"/>
              <a:gd name="connsiteX1" fmla="*/ 3612316 w 12867381"/>
              <a:gd name="connsiteY1" fmla="*/ 2992488 h 3087488"/>
              <a:gd name="connsiteX2" fmla="*/ 6442803 w 12867381"/>
              <a:gd name="connsiteY2" fmla="*/ 30112 h 3087488"/>
              <a:gd name="connsiteX3" fmla="*/ 9408913 w 12867381"/>
              <a:gd name="connsiteY3" fmla="*/ 3087367 h 3087488"/>
              <a:gd name="connsiteX4" fmla="*/ 12867381 w 12867381"/>
              <a:gd name="connsiteY4" fmla="*/ 86677 h 3087488"/>
              <a:gd name="connsiteX0" fmla="*/ 0 w 12867381"/>
              <a:gd name="connsiteY0" fmla="*/ 175054 h 3087488"/>
              <a:gd name="connsiteX1" fmla="*/ 3612316 w 12867381"/>
              <a:gd name="connsiteY1" fmla="*/ 2992488 h 3087488"/>
              <a:gd name="connsiteX2" fmla="*/ 6442803 w 12867381"/>
              <a:gd name="connsiteY2" fmla="*/ 30112 h 3087488"/>
              <a:gd name="connsiteX3" fmla="*/ 9408913 w 12867381"/>
              <a:gd name="connsiteY3" fmla="*/ 3087367 h 3087488"/>
              <a:gd name="connsiteX4" fmla="*/ 12867381 w 12867381"/>
              <a:gd name="connsiteY4" fmla="*/ 86677 h 3087488"/>
              <a:gd name="connsiteX0" fmla="*/ 0 w 12867381"/>
              <a:gd name="connsiteY0" fmla="*/ 144973 h 3057407"/>
              <a:gd name="connsiteX1" fmla="*/ 3437252 w 12867381"/>
              <a:gd name="connsiteY1" fmla="*/ 2987807 h 3057407"/>
              <a:gd name="connsiteX2" fmla="*/ 6442803 w 12867381"/>
              <a:gd name="connsiteY2" fmla="*/ 31 h 3057407"/>
              <a:gd name="connsiteX3" fmla="*/ 9408913 w 12867381"/>
              <a:gd name="connsiteY3" fmla="*/ 3057286 h 3057407"/>
              <a:gd name="connsiteX4" fmla="*/ 12867381 w 12867381"/>
              <a:gd name="connsiteY4" fmla="*/ 56596 h 3057407"/>
              <a:gd name="connsiteX0" fmla="*/ 0 w 12867381"/>
              <a:gd name="connsiteY0" fmla="*/ 144988 h 3057422"/>
              <a:gd name="connsiteX1" fmla="*/ 3437252 w 12867381"/>
              <a:gd name="connsiteY1" fmla="*/ 2987822 h 3057422"/>
              <a:gd name="connsiteX2" fmla="*/ 6442803 w 12867381"/>
              <a:gd name="connsiteY2" fmla="*/ 46 h 3057422"/>
              <a:gd name="connsiteX3" fmla="*/ 9408913 w 12867381"/>
              <a:gd name="connsiteY3" fmla="*/ 3057301 h 3057422"/>
              <a:gd name="connsiteX4" fmla="*/ 12867381 w 12867381"/>
              <a:gd name="connsiteY4" fmla="*/ 56611 h 30574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867381" h="3057422">
                <a:moveTo>
                  <a:pt x="0" y="144988"/>
                </a:moveTo>
                <a:cubicBezTo>
                  <a:pt x="2350021" y="144659"/>
                  <a:pt x="1919537" y="2738929"/>
                  <a:pt x="3437252" y="2987822"/>
                </a:cubicBezTo>
                <a:cubicBezTo>
                  <a:pt x="4954967" y="3236715"/>
                  <a:pt x="5009864" y="13866"/>
                  <a:pt x="6442803" y="46"/>
                </a:cubicBezTo>
                <a:cubicBezTo>
                  <a:pt x="7875742" y="-13774"/>
                  <a:pt x="7587872" y="3035174"/>
                  <a:pt x="9408913" y="3057301"/>
                </a:cubicBezTo>
                <a:cubicBezTo>
                  <a:pt x="11229954" y="3079428"/>
                  <a:pt x="9632132" y="65277"/>
                  <a:pt x="12867381" y="56611"/>
                </a:cubicBezTo>
              </a:path>
            </a:pathLst>
          </a:custGeom>
          <a:noFill/>
          <a:ln w="762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TextBox 65">
            <a:extLst>
              <a:ext uri="{FF2B5EF4-FFF2-40B4-BE49-F238E27FC236}">
                <a16:creationId xmlns:a16="http://schemas.microsoft.com/office/drawing/2014/main" id="{DC0E37E9-D850-0BC3-950D-E4A53EBDF507}"/>
              </a:ext>
            </a:extLst>
          </p:cNvPr>
          <p:cNvSpPr txBox="1">
            <a:spLocks/>
          </p:cNvSpPr>
          <p:nvPr/>
        </p:nvSpPr>
        <p:spPr>
          <a:xfrm flipH="1">
            <a:off x="5484782" y="4757984"/>
            <a:ext cx="2477095" cy="88162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marL="342900" indent="-342900">
              <a:lnSpc>
                <a:spcPct val="90000"/>
              </a:lnSpc>
              <a:buAutoNum type="alphaLcParenR"/>
            </a:pPr>
            <a:r>
              <a:rPr lang="en-GB" sz="1600" b="1" dirty="0">
                <a:solidFill>
                  <a:schemeClr val="bg1"/>
                </a:solidFill>
              </a:rPr>
              <a:t>Clinical Outcome</a:t>
            </a:r>
            <a:br>
              <a:rPr lang="en-GB" sz="1051" b="1" dirty="0">
                <a:solidFill>
                  <a:schemeClr val="bg1"/>
                </a:solidFill>
              </a:rPr>
            </a:br>
            <a:r>
              <a:rPr lang="en-GB" sz="1300" dirty="0">
                <a:solidFill>
                  <a:schemeClr val="bg1"/>
                </a:solidFill>
              </a:rPr>
              <a:t>BMI, Body Weight.</a:t>
            </a:r>
          </a:p>
          <a:p>
            <a:pPr>
              <a:lnSpc>
                <a:spcPct val="90000"/>
              </a:lnSpc>
            </a:pPr>
            <a:endParaRPr lang="en-GB" sz="1067" dirty="0">
              <a:solidFill>
                <a:schemeClr val="bg1"/>
              </a:solidFill>
            </a:endParaRPr>
          </a:p>
          <a:p>
            <a:pPr>
              <a:lnSpc>
                <a:spcPct val="90000"/>
              </a:lnSpc>
            </a:pPr>
            <a:r>
              <a:rPr lang="en-GB" sz="1600" b="1" dirty="0">
                <a:solidFill>
                  <a:schemeClr val="bg1"/>
                </a:solidFill>
              </a:rPr>
              <a:t>b)   Demographics</a:t>
            </a:r>
          </a:p>
          <a:p>
            <a:pPr>
              <a:lnSpc>
                <a:spcPct val="90000"/>
              </a:lnSpc>
            </a:pPr>
            <a:r>
              <a:rPr lang="en-GB" sz="1100" dirty="0">
                <a:solidFill>
                  <a:schemeClr val="bg1"/>
                </a:solidFill>
              </a:rPr>
              <a:t>          </a:t>
            </a:r>
            <a:r>
              <a:rPr lang="en-GB" sz="1300" dirty="0">
                <a:solidFill>
                  <a:schemeClr val="bg1"/>
                </a:solidFill>
              </a:rPr>
              <a:t>Age, Race, Country,         </a:t>
            </a:r>
            <a:r>
              <a:rPr lang="en-GB" sz="1300" dirty="0">
                <a:solidFill>
                  <a:schemeClr val="accent1"/>
                </a:solidFill>
              </a:rPr>
              <a:t>…… </a:t>
            </a:r>
            <a:r>
              <a:rPr lang="en-GB" sz="1300" dirty="0">
                <a:solidFill>
                  <a:schemeClr val="bg1"/>
                </a:solidFill>
              </a:rPr>
              <a:t>Median Income, Gender</a:t>
            </a:r>
          </a:p>
          <a:p>
            <a:pPr>
              <a:lnSpc>
                <a:spcPct val="90000"/>
              </a:lnSpc>
            </a:pPr>
            <a:endParaRPr lang="en-GB" sz="1100" dirty="0">
              <a:solidFill>
                <a:schemeClr val="bg1"/>
              </a:solidFill>
            </a:endParaRPr>
          </a:p>
          <a:p>
            <a:pPr>
              <a:lnSpc>
                <a:spcPct val="90000"/>
              </a:lnSpc>
            </a:pPr>
            <a:r>
              <a:rPr lang="en-GB" sz="1600" b="1" dirty="0">
                <a:solidFill>
                  <a:schemeClr val="bg1"/>
                </a:solidFill>
              </a:rPr>
              <a:t>c)    Eating behaviour Questionnaire</a:t>
            </a:r>
          </a:p>
          <a:p>
            <a:pPr>
              <a:lnSpc>
                <a:spcPct val="90000"/>
              </a:lnSpc>
            </a:pPr>
            <a:endParaRPr lang="en-GB" sz="1400" b="1" i="1" dirty="0">
              <a:solidFill>
                <a:srgbClr val="EAAB00"/>
              </a:solidFill>
            </a:endParaRPr>
          </a:p>
          <a:p>
            <a:pPr>
              <a:lnSpc>
                <a:spcPct val="90000"/>
              </a:lnSpc>
            </a:pPr>
            <a:endParaRPr lang="en-GB" sz="1400" b="1" i="1" dirty="0">
              <a:solidFill>
                <a:srgbClr val="92D050"/>
              </a:solidFill>
            </a:endParaRPr>
          </a:p>
          <a:p>
            <a:pPr>
              <a:lnSpc>
                <a:spcPct val="90000"/>
              </a:lnSpc>
            </a:pPr>
            <a:endParaRPr lang="en-GB" sz="1067" dirty="0">
              <a:solidFill>
                <a:schemeClr val="bg1"/>
              </a:solidFill>
            </a:endParaRPr>
          </a:p>
        </p:txBody>
      </p:sp>
      <p:pic>
        <p:nvPicPr>
          <p:cNvPr id="15" name="Graphic 45">
            <a:extLst>
              <a:ext uri="{FF2B5EF4-FFF2-40B4-BE49-F238E27FC236}">
                <a16:creationId xmlns:a16="http://schemas.microsoft.com/office/drawing/2014/main" id="{76C3DE1E-2F56-4EC7-CB9E-86BB6DD1E23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 rot="1542659">
            <a:off x="2085339" y="3500642"/>
            <a:ext cx="566960" cy="566960"/>
          </a:xfrm>
          <a:prstGeom prst="rect">
            <a:avLst/>
          </a:prstGeom>
        </p:spPr>
      </p:pic>
      <p:sp>
        <p:nvSpPr>
          <p:cNvPr id="27" name="Speech Bubble: Rectangle 26">
            <a:extLst>
              <a:ext uri="{FF2B5EF4-FFF2-40B4-BE49-F238E27FC236}">
                <a16:creationId xmlns:a16="http://schemas.microsoft.com/office/drawing/2014/main" id="{518B9CC2-4E69-D0C8-55B8-F1C7990182FC}"/>
              </a:ext>
            </a:extLst>
          </p:cNvPr>
          <p:cNvSpPr/>
          <p:nvPr/>
        </p:nvSpPr>
        <p:spPr>
          <a:xfrm>
            <a:off x="4841855" y="5445628"/>
            <a:ext cx="3420431" cy="881624"/>
          </a:xfrm>
          <a:prstGeom prst="wedgeRectCallout">
            <a:avLst>
              <a:gd name="adj1" fmla="val -18229"/>
              <a:gd name="adj2" fmla="val 48683"/>
            </a:avLst>
          </a:prstGeom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r>
              <a:rPr lang="en-US" sz="1300" noProof="0" dirty="0"/>
              <a:t>Three factor Questionnaire</a:t>
            </a:r>
          </a:p>
          <a:p>
            <a:pPr marL="342900" indent="-342900">
              <a:buAutoNum type="alphaLcParenR"/>
            </a:pPr>
            <a:r>
              <a:rPr lang="en-US" sz="1300" dirty="0"/>
              <a:t>Emotional Eating Score (ECS)</a:t>
            </a:r>
          </a:p>
          <a:p>
            <a:pPr marL="342900" indent="-342900">
              <a:buAutoNum type="alphaLcParenR"/>
            </a:pPr>
            <a:r>
              <a:rPr lang="en-US" sz="1300" noProof="0" dirty="0"/>
              <a:t>Unco</a:t>
            </a:r>
            <a:r>
              <a:rPr lang="en-US" sz="1300" dirty="0"/>
              <a:t>ntrolled Eating Score (UCS)</a:t>
            </a:r>
          </a:p>
          <a:p>
            <a:pPr marL="342900" indent="-342900">
              <a:buAutoNum type="alphaLcParenR"/>
            </a:pPr>
            <a:r>
              <a:rPr lang="en-US" sz="1300" dirty="0"/>
              <a:t>Unrestrained Control Score (RCS)</a:t>
            </a:r>
            <a:endParaRPr lang="en-US" sz="1300" noProof="0" dirty="0">
              <a:ea typeface="Apis For Office"/>
              <a:cs typeface="Apis For Office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FF080370-A18F-CF2D-1164-1E1B897DE0BD}"/>
              </a:ext>
            </a:extLst>
          </p:cNvPr>
          <p:cNvSpPr txBox="1"/>
          <p:nvPr/>
        </p:nvSpPr>
        <p:spPr>
          <a:xfrm>
            <a:off x="5734049" y="5164820"/>
            <a:ext cx="1380872" cy="341632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GB" sz="1800" b="1" i="1" u="sng" dirty="0">
                <a:solidFill>
                  <a:srgbClr val="EAAB00"/>
                </a:solidFill>
              </a:rPr>
              <a:t>TestQ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70FA1F66-917C-FB09-BAF6-AC493F981E4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00" r="9800"/>
          <a:stretch/>
        </p:blipFill>
        <p:spPr>
          <a:xfrm>
            <a:off x="10561968" y="1877089"/>
            <a:ext cx="1143692" cy="1138014"/>
          </a:xfrm>
          <a:prstGeom prst="ellipse">
            <a:avLst/>
          </a:prstGeom>
        </p:spPr>
      </p:pic>
      <p:sp>
        <p:nvSpPr>
          <p:cNvPr id="53" name="Speech Bubble: Rectangle 52">
            <a:extLst>
              <a:ext uri="{FF2B5EF4-FFF2-40B4-BE49-F238E27FC236}">
                <a16:creationId xmlns:a16="http://schemas.microsoft.com/office/drawing/2014/main" id="{33580C89-0D56-3EAA-1A0D-E2DE6C2A605A}"/>
              </a:ext>
            </a:extLst>
          </p:cNvPr>
          <p:cNvSpPr/>
          <p:nvPr/>
        </p:nvSpPr>
        <p:spPr>
          <a:xfrm>
            <a:off x="8651085" y="3569990"/>
            <a:ext cx="3353733" cy="2353720"/>
          </a:xfrm>
          <a:prstGeom prst="wedgeRectCallout">
            <a:avLst>
              <a:gd name="adj1" fmla="val -21513"/>
              <a:gd name="adj2" fmla="val 46881"/>
            </a:avLst>
          </a:prstGeom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285750" indent="-285750">
              <a:buFont typeface="Wingdings" panose="05000000000000000000" pitchFamily="2" charset="2"/>
              <a:buChar char="q"/>
            </a:pPr>
            <a:endParaRPr lang="en-US" sz="1300" noProof="0" dirty="0"/>
          </a:p>
          <a:p>
            <a:pPr marL="285750" indent="-285750">
              <a:buFont typeface="Wingdings" panose="05000000000000000000" pitchFamily="2" charset="2"/>
              <a:buChar char="q"/>
            </a:pPr>
            <a:endParaRPr lang="en-US" sz="1300" dirty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en-US" sz="1300" noProof="0" dirty="0"/>
              <a:t>Which of the two treatments is your magic Pill – </a:t>
            </a:r>
            <a:r>
              <a:rPr lang="en-US" sz="1300" i="1" noProof="0" dirty="0"/>
              <a:t>Testa</a:t>
            </a:r>
            <a:r>
              <a:rPr lang="en-US" sz="1300" i="1" dirty="0"/>
              <a:t> </a:t>
            </a:r>
            <a:r>
              <a:rPr lang="en-US" sz="1300" dirty="0"/>
              <a:t>in reducing body weight</a:t>
            </a:r>
            <a:r>
              <a:rPr lang="en-US" sz="1300" i="1" dirty="0"/>
              <a:t>?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en-US" sz="1300" noProof="0" dirty="0"/>
              <a:t>How TestQ scores better explain eating behavior patterns?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en-US" sz="1300" noProof="0" dirty="0"/>
              <a:t>Pitch in your insights and recommendations.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en-US" sz="1300" dirty="0"/>
              <a:t>We encourage you </a:t>
            </a:r>
            <a:r>
              <a:rPr lang="en-US" sz="1300" noProof="0" dirty="0"/>
              <a:t>to explore, visualize and dig in an</a:t>
            </a:r>
            <a:r>
              <a:rPr lang="en-US" sz="1300" dirty="0"/>
              <a:t>y hidden patterns/anomalies in the data</a:t>
            </a:r>
            <a:endParaRPr lang="en-US" sz="1300" noProof="0" dirty="0"/>
          </a:p>
          <a:p>
            <a:pPr marL="342900" indent="-342900">
              <a:buFont typeface="+mj-lt"/>
              <a:buAutoNum type="arabicPeriod"/>
            </a:pPr>
            <a:endParaRPr lang="en-US" sz="1300" noProof="0" dirty="0"/>
          </a:p>
          <a:p>
            <a:endParaRPr lang="en-US" sz="1300" noProof="0" dirty="0"/>
          </a:p>
        </p:txBody>
      </p:sp>
      <p:pic>
        <p:nvPicPr>
          <p:cNvPr id="54" name="Picture 53">
            <a:extLst>
              <a:ext uri="{FF2B5EF4-FFF2-40B4-BE49-F238E27FC236}">
                <a16:creationId xmlns:a16="http://schemas.microsoft.com/office/drawing/2014/main" id="{039E7CED-FB2B-C8C8-5D5E-CBA6FD9DC807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091301" y="5775131"/>
            <a:ext cx="963543" cy="958759"/>
          </a:xfrm>
          <a:prstGeom prst="ellipse">
            <a:avLst/>
          </a:prstGeom>
        </p:spPr>
      </p:pic>
      <p:sp>
        <p:nvSpPr>
          <p:cNvPr id="65" name="TextBox 64">
            <a:extLst>
              <a:ext uri="{FF2B5EF4-FFF2-40B4-BE49-F238E27FC236}">
                <a16:creationId xmlns:a16="http://schemas.microsoft.com/office/drawing/2014/main" id="{3F2C6011-A50F-881D-0674-BE82BDEE3510}"/>
              </a:ext>
            </a:extLst>
          </p:cNvPr>
          <p:cNvSpPr txBox="1"/>
          <p:nvPr/>
        </p:nvSpPr>
        <p:spPr>
          <a:xfrm>
            <a:off x="9491029" y="3406295"/>
            <a:ext cx="1543292" cy="341632"/>
          </a:xfrm>
          <a:prstGeom prst="rect">
            <a:avLst/>
          </a:prstGeom>
          <a:solidFill>
            <a:schemeClr val="accent1">
              <a:lumMod val="10000"/>
              <a:lumOff val="90000"/>
            </a:schemeClr>
          </a:solidFill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GB" sz="1800" b="1" i="1" u="sng" dirty="0"/>
              <a:t>Challenge</a:t>
            </a:r>
          </a:p>
        </p:txBody>
      </p:sp>
      <p:sp>
        <p:nvSpPr>
          <p:cNvPr id="2" name="TextBox 65">
            <a:extLst>
              <a:ext uri="{FF2B5EF4-FFF2-40B4-BE49-F238E27FC236}">
                <a16:creationId xmlns:a16="http://schemas.microsoft.com/office/drawing/2014/main" id="{04F07398-E97A-661C-398E-57E97042E872}"/>
              </a:ext>
            </a:extLst>
          </p:cNvPr>
          <p:cNvSpPr txBox="1">
            <a:spLocks/>
          </p:cNvSpPr>
          <p:nvPr/>
        </p:nvSpPr>
        <p:spPr>
          <a:xfrm flipH="1">
            <a:off x="5672314" y="1518110"/>
            <a:ext cx="2695905" cy="1050199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en-GB" sz="2000" b="1" dirty="0">
                <a:solidFill>
                  <a:schemeClr val="bg1"/>
                </a:solidFill>
              </a:rPr>
              <a:t>02. </a:t>
            </a:r>
          </a:p>
          <a:p>
            <a:pPr>
              <a:lnSpc>
                <a:spcPct val="90000"/>
              </a:lnSpc>
            </a:pPr>
            <a:r>
              <a:rPr lang="en-GB" sz="1600" b="1" dirty="0">
                <a:solidFill>
                  <a:srgbClr val="EAAB00"/>
                </a:solidFill>
              </a:rPr>
              <a:t>Data Description</a:t>
            </a:r>
            <a:endParaRPr lang="en-GB" sz="1600" dirty="0">
              <a:solidFill>
                <a:srgbClr val="EAAB00"/>
              </a:solidFill>
            </a:endParaRPr>
          </a:p>
        </p:txBody>
      </p:sp>
      <p:sp>
        <p:nvSpPr>
          <p:cNvPr id="3" name="TextBox 65">
            <a:extLst>
              <a:ext uri="{FF2B5EF4-FFF2-40B4-BE49-F238E27FC236}">
                <a16:creationId xmlns:a16="http://schemas.microsoft.com/office/drawing/2014/main" id="{8A08D0A6-2914-244F-DEE4-7EE39AD0AB38}"/>
              </a:ext>
            </a:extLst>
          </p:cNvPr>
          <p:cNvSpPr txBox="1">
            <a:spLocks/>
          </p:cNvSpPr>
          <p:nvPr/>
        </p:nvSpPr>
        <p:spPr>
          <a:xfrm flipH="1">
            <a:off x="237814" y="1067196"/>
            <a:ext cx="7596433" cy="1050199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en-US" sz="1400" dirty="0">
                <a:solidFill>
                  <a:schemeClr val="bg1"/>
                </a:solidFill>
                <a:effectLst/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Your team is heading the core Statistics team of </a:t>
            </a:r>
            <a:r>
              <a:rPr lang="en-US" sz="1400" b="1" dirty="0">
                <a:solidFill>
                  <a:schemeClr val="bg1"/>
                </a:solidFill>
                <a:effectLst/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XYZ</a:t>
            </a:r>
            <a:r>
              <a:rPr lang="en-US" sz="1400" dirty="0">
                <a:solidFill>
                  <a:schemeClr val="bg1"/>
                </a:solidFill>
                <a:effectLst/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 Pharmaceuticals that primarily deals with obesity therapeutic area. After years of research, the drug development team has created the formulation of the magical drug, "</a:t>
            </a:r>
            <a:r>
              <a:rPr lang="en-US" sz="1400" b="1" i="1" dirty="0">
                <a:solidFill>
                  <a:schemeClr val="bg1"/>
                </a:solidFill>
                <a:effectLst/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Testa</a:t>
            </a:r>
            <a:r>
              <a:rPr lang="en-US" sz="1400" dirty="0">
                <a:solidFill>
                  <a:schemeClr val="bg1"/>
                </a:solidFill>
                <a:effectLst/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" which aims to reduce obesity in teens. </a:t>
            </a:r>
            <a:r>
              <a:rPr lang="en-US" sz="1400" b="1" dirty="0">
                <a:solidFill>
                  <a:schemeClr val="bg1"/>
                </a:solidFill>
                <a:latin typeface="Apis For Office" panose="020B0504010101010104" pitchFamily="34" charset="0"/>
                <a:ea typeface="SimSun" panose="02010600030101010101" pitchFamily="2" charset="-122"/>
                <a:cs typeface="Times New Roman" panose="02020603050405020304" pitchFamily="18" charset="0"/>
              </a:rPr>
              <a:t>Is Testa clinically effective in combating obesity in teens? </a:t>
            </a:r>
            <a:endParaRPr lang="en-US" sz="1400" b="1" dirty="0">
              <a:solidFill>
                <a:schemeClr val="bg1"/>
              </a:solidFill>
              <a:effectLst/>
              <a:latin typeface="Apis For Office" panose="020B0504010101010104" pitchFamily="34" charset="0"/>
              <a:ea typeface="SimSun" panose="02010600030101010101" pitchFamily="2" charset="-122"/>
              <a:cs typeface="Times New Roman" panose="02020603050405020304" pitchFamily="18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4B49500-8027-2B4F-EACA-07C96B1245D5}"/>
              </a:ext>
            </a:extLst>
          </p:cNvPr>
          <p:cNvSpPr txBox="1"/>
          <p:nvPr/>
        </p:nvSpPr>
        <p:spPr>
          <a:xfrm>
            <a:off x="2139175" y="979797"/>
            <a:ext cx="1794103" cy="313932"/>
          </a:xfrm>
          <a:prstGeom prst="rect">
            <a:avLst/>
          </a:prstGeom>
          <a:solidFill>
            <a:schemeClr val="accent1">
              <a:lumMod val="10000"/>
              <a:lumOff val="90000"/>
            </a:schemeClr>
          </a:solidFill>
        </p:spPr>
        <p:txBody>
          <a:bodyPr wrap="square">
            <a:spAutoFit/>
          </a:bodyPr>
          <a:lstStyle/>
          <a:p>
            <a:pPr algn="ctr">
              <a:lnSpc>
                <a:spcPct val="90000"/>
              </a:lnSpc>
            </a:pPr>
            <a:r>
              <a:rPr lang="en-GB" sz="1600" b="1" dirty="0"/>
              <a:t>Background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9A56CA6B-3B16-5452-F8A5-696302383C26}"/>
              </a:ext>
            </a:extLst>
          </p:cNvPr>
          <p:cNvSpPr>
            <a:spLocks noGrp="1"/>
          </p:cNvSpPr>
          <p:nvPr/>
        </p:nvSpPr>
        <p:spPr>
          <a:xfrm>
            <a:off x="237814" y="6409890"/>
            <a:ext cx="8652000" cy="324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None/>
              <a:defRPr sz="800" i="1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0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200" b="1" dirty="0">
                <a:solidFill>
                  <a:schemeClr val="bg1"/>
                </a:solidFill>
                <a:latin typeface="+mj-lt"/>
              </a:rPr>
              <a:t>Note: </a:t>
            </a:r>
            <a:r>
              <a:rPr lang="en-GB" sz="1200" dirty="0">
                <a:solidFill>
                  <a:schemeClr val="bg1"/>
                </a:solidFill>
                <a:latin typeface="+mj-lt"/>
              </a:rPr>
              <a:t>The details of all the variables in the dataset is available in the Slide 3.</a:t>
            </a:r>
          </a:p>
        </p:txBody>
      </p:sp>
    </p:spTree>
    <p:custDataLst>
      <p:custData r:id="rId1"/>
    </p:custDataLst>
    <p:extLst>
      <p:ext uri="{BB962C8B-B14F-4D97-AF65-F5344CB8AC3E}">
        <p14:creationId xmlns:p14="http://schemas.microsoft.com/office/powerpoint/2010/main" val="22558419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FD7118-55D5-15FE-B9BC-FC4874606E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ariable Descrip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33C19A-5D18-BBCA-EE0D-E6C2F9578C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54813F-2AA4-B7FE-C78C-E27E4985D3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E00F5E-54F9-9919-7440-87D34794B9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3</a:t>
            </a:fld>
            <a:endParaRPr lang="en-US" dirty="0"/>
          </a:p>
        </p:txBody>
      </p:sp>
      <p:graphicFrame>
        <p:nvGraphicFramePr>
          <p:cNvPr id="10" name="Content Placeholder 9">
            <a:extLst>
              <a:ext uri="{FF2B5EF4-FFF2-40B4-BE49-F238E27FC236}">
                <a16:creationId xmlns:a16="http://schemas.microsoft.com/office/drawing/2014/main" id="{2BC9D2AC-1F84-F09F-EE77-38CB72ACE6C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05235726"/>
              </p:ext>
            </p:extLst>
          </p:nvPr>
        </p:nvGraphicFramePr>
        <p:xfrm>
          <a:off x="765544" y="1296000"/>
          <a:ext cx="11058656" cy="499177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618972">
                  <a:extLst>
                    <a:ext uri="{9D8B030D-6E8A-4147-A177-3AD203B41FA5}">
                      <a16:colId xmlns:a16="http://schemas.microsoft.com/office/drawing/2014/main" val="687002944"/>
                    </a:ext>
                  </a:extLst>
                </a:gridCol>
                <a:gridCol w="6439684">
                  <a:extLst>
                    <a:ext uri="{9D8B030D-6E8A-4147-A177-3AD203B41FA5}">
                      <a16:colId xmlns:a16="http://schemas.microsoft.com/office/drawing/2014/main" val="1891968959"/>
                    </a:ext>
                  </a:extLst>
                </a:gridCol>
              </a:tblGrid>
              <a:tr h="16312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Variable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Description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893197536"/>
                  </a:ext>
                </a:extLst>
              </a:tr>
              <a:tr h="393687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ID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b="0" dirty="0">
                          <a:effectLst/>
                        </a:rPr>
                        <a:t>1:250 </a:t>
                      </a:r>
                      <a:endParaRPr lang="en-US" sz="1000" b="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The unique ID assigned to each teen that is enrolled and eligible for the trial. There are 250 study participants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1378897045"/>
                  </a:ext>
                </a:extLst>
              </a:tr>
              <a:tr h="393687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Treatment 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b="0" dirty="0">
                          <a:effectLst/>
                        </a:rPr>
                        <a:t>“A”, “B”</a:t>
                      </a:r>
                      <a:endParaRPr lang="en-US" sz="1000" b="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Each of the 250 study participants are randomly assigned to “A” or “B” such that there are 125 subjects in each treatment group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785641405"/>
                  </a:ext>
                </a:extLst>
              </a:tr>
              <a:tr h="26027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Gender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b="0" i="0" dirty="0">
                          <a:effectLst/>
                        </a:rPr>
                        <a:t>“Male”, “Female”</a:t>
                      </a:r>
                      <a:endParaRPr lang="en-US" sz="1000" b="0" i="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Out of the 250 study participants, 125 are males and 125 are females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928832805"/>
                  </a:ext>
                </a:extLst>
              </a:tr>
              <a:tr h="360123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Visit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“0” – </a:t>
                      </a:r>
                      <a:r>
                        <a:rPr lang="en-US" sz="1000" b="0" dirty="0">
                          <a:effectLst/>
                        </a:rPr>
                        <a:t>Baseline visit (Week 0)</a:t>
                      </a:r>
                      <a:r>
                        <a:rPr lang="en-US" sz="1000" dirty="0">
                          <a:effectLst/>
                        </a:rPr>
                        <a:t> , “1” – </a:t>
                      </a:r>
                      <a:r>
                        <a:rPr lang="en-US" sz="1000" b="0" dirty="0">
                          <a:effectLst/>
                        </a:rPr>
                        <a:t>Week 13, </a:t>
                      </a:r>
                      <a:r>
                        <a:rPr lang="en-US" sz="1000" dirty="0">
                          <a:effectLst/>
                        </a:rPr>
                        <a:t>“2” – </a:t>
                      </a:r>
                      <a:r>
                        <a:rPr lang="en-US" sz="1000" b="0" dirty="0">
                          <a:effectLst/>
                        </a:rPr>
                        <a:t>Week 26, </a:t>
                      </a:r>
                      <a:r>
                        <a:rPr lang="en-US" sz="1000" dirty="0">
                          <a:effectLst/>
                        </a:rPr>
                        <a:t>“3” – </a:t>
                      </a:r>
                      <a:r>
                        <a:rPr lang="en-US" sz="1000" b="0" dirty="0">
                          <a:effectLst/>
                        </a:rPr>
                        <a:t>Week 52 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>
                          <a:effectLst/>
                          <a:latin typeface="Apis For Office"/>
                          <a:ea typeface="SimSun"/>
                          <a:cs typeface="Times New Roman"/>
                        </a:rPr>
                        <a:t>(End of Treatment visit)</a:t>
                      </a: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The visits at which the clinical outcome measurements and self-reported questionnaire scores are collected. The participants will have to fill in three scores of TestQ questionnaire at each of the visits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1959767407"/>
                  </a:ext>
                </a:extLst>
              </a:tr>
              <a:tr h="169361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Age (in years)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Collected only at Visit 0 – Baseline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2961890024"/>
                  </a:ext>
                </a:extLst>
              </a:tr>
              <a:tr h="26027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BMI (in kg/m^2)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The clinical outcome collected at each of the four visits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014555829"/>
                  </a:ext>
                </a:extLst>
              </a:tr>
              <a:tr h="26027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Weight (in kg)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The clinical outcome collected at each of the four visits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4119015932"/>
                  </a:ext>
                </a:extLst>
              </a:tr>
              <a:tr h="393687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Race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b="0" dirty="0">
                          <a:effectLst/>
                        </a:rPr>
                        <a:t>“CAUCASIAN”, “HISPANIC”, “ASIAN”, “LATIN AMERICAN”, “AFRICAN”</a:t>
                      </a:r>
                      <a:endParaRPr lang="en-US" sz="1000" b="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Represents the Race of the study participant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1149050567"/>
                  </a:ext>
                </a:extLst>
              </a:tr>
              <a:tr h="388593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Country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b="0" dirty="0">
                          <a:effectLst/>
                        </a:rPr>
                        <a:t>“China”, “México”, “USA”, “Cook Islands”, “Brazil”</a:t>
                      </a:r>
                      <a:endParaRPr lang="en-US" sz="1000" b="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Represents the Nationality of the study teen.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1250830975"/>
                  </a:ext>
                </a:extLst>
              </a:tr>
              <a:tr h="46972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UCS – Uncontrolled Eating Score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indent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000" dirty="0">
                          <a:effectLst/>
                        </a:rPr>
                        <a:t>A component of TestQ that </a:t>
                      </a:r>
                      <a:r>
                        <a:rPr lang="en-US" sz="1000" b="0" i="0" u="none" strike="noStrike" noProof="0" dirty="0">
                          <a:effectLst/>
                          <a:latin typeface="Apis For Office"/>
                        </a:rPr>
                        <a:t>assesses the tendency to eat in response to negative emotions. </a:t>
                      </a:r>
                      <a:r>
                        <a:rPr lang="en-US" sz="1000" dirty="0">
                          <a:effectLst/>
                        </a:rPr>
                        <a:t>UCS ranges from 1-20. Higher the score, greater is the risk of obesity.</a:t>
                      </a:r>
                      <a:endParaRPr lang="en-US" dirty="0"/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805460738"/>
                  </a:ext>
                </a:extLst>
              </a:tr>
              <a:tr h="46972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ECS – Emotional Eating Score</a:t>
                      </a: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indent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000" dirty="0">
                          <a:effectLst/>
                        </a:rPr>
                        <a:t>A component of TestQ that </a:t>
                      </a:r>
                      <a:r>
                        <a:rPr lang="en-US" sz="1000" b="0" i="0" u="none" strike="noStrike" noProof="0" dirty="0">
                          <a:effectLst/>
                          <a:latin typeface="Apis For Office"/>
                        </a:rPr>
                        <a:t>assesses the tendency to overeat, with the feeling of being out of control. </a:t>
                      </a:r>
                      <a:endParaRPr lang="en-US" dirty="0"/>
                    </a:p>
                    <a:p>
                      <a:pPr marL="0" marR="0" lvl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000" dirty="0">
                          <a:effectLst/>
                        </a:rPr>
                        <a:t>ECS ranges from 1-20. Higher the score, greater is the risk of obesity. 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729104330"/>
                  </a:ext>
                </a:extLst>
              </a:tr>
              <a:tr h="393687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RCS – Unrestrained Control Score</a:t>
                      </a:r>
                    </a:p>
                    <a:p>
                      <a:pPr marL="0" marR="0" lvl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>
                          <a:tab pos="120650" algn="l"/>
                        </a:tabLst>
                      </a:pPr>
                      <a:endParaRPr lang="en-US" sz="1000" dirty="0">
                        <a:effectLst/>
                      </a:endParaRP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  <a:latin typeface="Apis For Office" panose="020B0504010101010104" pitchFamily="34" charset="0"/>
                          <a:ea typeface="SimSun" panose="02010600030101010101" pitchFamily="2" charset="-122"/>
                          <a:cs typeface="Times New Roman" panose="02020603050405020304" pitchFamily="18" charset="0"/>
                        </a:rPr>
                        <a:t>MedIncome</a:t>
                      </a:r>
                    </a:p>
                  </a:txBody>
                  <a:tcPr marL="48648" marR="48648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A component of TestQ that assesses </a:t>
                      </a:r>
                      <a:r>
                        <a:rPr lang="en-US" sz="1000" b="0" i="0" u="none" strike="noStrike" noProof="0" dirty="0">
                          <a:effectLst/>
                          <a:latin typeface="Apis For Office"/>
                        </a:rPr>
                        <a:t>tendency to not being able to restrict one’s food intake constantly and consciously. RCS </a:t>
                      </a:r>
                      <a:r>
                        <a:rPr lang="en-US" sz="1000" dirty="0">
                          <a:effectLst/>
                        </a:rPr>
                        <a:t> ranges from 1-20. Higher the score, greater is the risk of obesity.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endParaRPr lang="en-US" sz="1000" dirty="0">
                        <a:effectLst/>
                      </a:endParaRP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r>
                        <a:rPr lang="en-US" sz="1000" dirty="0">
                          <a:effectLst/>
                        </a:rPr>
                        <a:t>Represents the average annual median income of the family where the teen belongs to,</a:t>
                      </a:r>
                    </a:p>
                    <a:p>
                      <a:pPr marL="0" marR="0" algn="jus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120650" algn="l"/>
                        </a:tabLst>
                      </a:pPr>
                      <a:endParaRPr lang="en-US" sz="1000" dirty="0">
                        <a:effectLst/>
                        <a:latin typeface="Apis For Office" panose="020B05040101010101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48648" marR="48648" marT="0" marB="0"/>
                </a:tc>
                <a:extLst>
                  <a:ext uri="{0D108BD9-81ED-4DB2-BD59-A6C34878D82A}">
                    <a16:rowId xmlns:a16="http://schemas.microsoft.com/office/drawing/2014/main" val="3832887709"/>
                  </a:ext>
                </a:extLst>
              </a:tr>
            </a:tbl>
          </a:graphicData>
        </a:graphic>
      </p:graphicFrame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CD75A8B9-0907-99C4-A4B4-1BF9074DDEFA}"/>
              </a:ext>
            </a:extLst>
          </p:cNvPr>
          <p:cNvCxnSpPr/>
          <p:nvPr/>
        </p:nvCxnSpPr>
        <p:spPr>
          <a:xfrm flipV="1">
            <a:off x="796041" y="5839018"/>
            <a:ext cx="10997661" cy="1043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8419594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012923-DC8D-C82A-47D4-53AF949679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eneral Instruc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60F52D-F872-E093-7145-A73E35BB87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000" y="1552353"/>
            <a:ext cx="10896000" cy="4661247"/>
          </a:xfrm>
        </p:spPr>
        <p:txBody>
          <a:bodyPr/>
          <a:lstStyle/>
          <a:p>
            <a:pPr marL="0" indent="0" algn="l">
              <a:buNone/>
            </a:pPr>
            <a:r>
              <a:rPr lang="en-US" sz="1800" b="1" i="0" dirty="0">
                <a:solidFill>
                  <a:schemeClr val="accent2">
                    <a:lumMod val="60000"/>
                    <a:lumOff val="40000"/>
                  </a:schemeClr>
                </a:solidFill>
                <a:effectLst/>
                <a:latin typeface="+mj-lt"/>
              </a:rPr>
              <a:t>Submission Guidelines: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dirty="0">
                <a:solidFill>
                  <a:srgbClr val="000000"/>
                </a:solidFill>
                <a:effectLst/>
                <a:latin typeface="+mj-lt"/>
              </a:rPr>
              <a:t>Use the slide template “</a:t>
            </a:r>
            <a:r>
              <a:rPr lang="en-US" sz="1800" b="1" i="1" dirty="0" err="1">
                <a:solidFill>
                  <a:srgbClr val="000000"/>
                </a:solidFill>
                <a:effectLst/>
                <a:latin typeface="+mj-lt"/>
              </a:rPr>
              <a:t>Stat_Prelim_Response</a:t>
            </a:r>
            <a:r>
              <a:rPr lang="en-US" sz="1800" b="0" i="0" dirty="0">
                <a:solidFill>
                  <a:srgbClr val="000000"/>
                </a:solidFill>
                <a:effectLst/>
                <a:latin typeface="+mj-lt"/>
              </a:rPr>
              <a:t>” provided for your submiss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solidFill>
                  <a:srgbClr val="000000"/>
                </a:solidFill>
                <a:latin typeface="+mj-lt"/>
              </a:rPr>
              <a:t>You are allowed to use a maximum of 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3 visualizations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 + 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2 tables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. You are encouraged to approach the problem statement from multiple dimensions with proper reasoning/justification.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solidFill>
                  <a:srgbClr val="000000"/>
                </a:solidFill>
                <a:latin typeface="+mj-lt"/>
              </a:rPr>
              <a:t>A maximum of 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8 slides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can be used for your content leaving aside the Intro slides. 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dirty="0">
                <a:solidFill>
                  <a:srgbClr val="000000"/>
                </a:solidFill>
                <a:latin typeface="+mj-lt"/>
              </a:rPr>
              <a:t>In case of any 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queries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 pertaining to the challenge, kindly reach out to </a:t>
            </a:r>
            <a:r>
              <a:rPr lang="en-US" sz="1800" u="sng" dirty="0">
                <a:solidFill>
                  <a:srgbClr val="000000"/>
                </a:solidFill>
                <a:latin typeface="+mj-lt"/>
              </a:rPr>
              <a:t>ebth@novonordisk.com</a:t>
            </a:r>
          </a:p>
          <a:p>
            <a:pPr marL="342900" indent="-342900" algn="l">
              <a:buFont typeface="+mj-lt"/>
              <a:buAutoNum type="arabicPeriod"/>
            </a:pPr>
            <a:r>
              <a:rPr lang="en-US" sz="1800" b="0" i="0" dirty="0">
                <a:solidFill>
                  <a:srgbClr val="000000"/>
                </a:solidFill>
                <a:effectLst/>
                <a:latin typeface="+mj-lt"/>
              </a:rPr>
              <a:t>The </a:t>
            </a:r>
            <a:r>
              <a:rPr lang="en-US" sz="1800" b="1" i="0" dirty="0">
                <a:solidFill>
                  <a:srgbClr val="000000"/>
                </a:solidFill>
                <a:effectLst/>
                <a:latin typeface="+mj-lt"/>
              </a:rPr>
              <a:t>submission</a:t>
            </a:r>
            <a:r>
              <a:rPr lang="en-US" sz="1800" b="0" i="0" dirty="0">
                <a:solidFill>
                  <a:srgbClr val="000000"/>
                </a:solidFill>
                <a:effectLst/>
                <a:latin typeface="+mj-lt"/>
              </a:rPr>
              <a:t> deadline is 10th July 2023. Submit your entry via email to </a:t>
            </a:r>
            <a:r>
              <a:rPr lang="en-US" sz="1800" b="0" i="0" u="sng" dirty="0">
                <a:solidFill>
                  <a:srgbClr val="000000"/>
                </a:solidFill>
                <a:effectLst/>
                <a:latin typeface="+mj-lt"/>
              </a:rPr>
              <a:t>gvch@novonordisk.com</a:t>
            </a:r>
            <a:endParaRPr lang="en-US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 marL="0" indent="0" algn="l">
              <a:buNone/>
            </a:pPr>
            <a:r>
              <a:rPr lang="en-US" sz="1800" b="1" i="0" dirty="0">
                <a:solidFill>
                  <a:schemeClr val="accent2">
                    <a:lumMod val="60000"/>
                    <a:lumOff val="40000"/>
                  </a:schemeClr>
                </a:solidFill>
                <a:effectLst/>
                <a:latin typeface="+mj-lt"/>
              </a:rPr>
              <a:t>Evaluation Criteria:</a:t>
            </a:r>
            <a:endParaRPr lang="en-US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 algn="l"/>
            <a:r>
              <a:rPr lang="en-US" sz="1800" dirty="0">
                <a:solidFill>
                  <a:srgbClr val="000000"/>
                </a:solidFill>
                <a:latin typeface="+mj-lt"/>
              </a:rPr>
              <a:t>  Use of appropriate statistical methodology with reasoning.</a:t>
            </a:r>
            <a:endParaRPr lang="en-US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 algn="l"/>
            <a:r>
              <a:rPr lang="en-US" sz="1800" dirty="0">
                <a:solidFill>
                  <a:srgbClr val="000000"/>
                </a:solidFill>
                <a:latin typeface="+mj-lt"/>
              </a:rPr>
              <a:t>  Unlocking the solutions from multiple perspectives.</a:t>
            </a:r>
            <a:endParaRPr lang="en-US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 algn="l"/>
            <a:r>
              <a:rPr lang="en-US" sz="1800" dirty="0">
                <a:solidFill>
                  <a:srgbClr val="000000"/>
                </a:solidFill>
                <a:latin typeface="+mj-lt"/>
              </a:rPr>
              <a:t>  Recommendations/Actions based on the results.</a:t>
            </a:r>
            <a:endParaRPr lang="en-US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 algn="l"/>
            <a:r>
              <a:rPr lang="en-US" sz="1800" dirty="0">
                <a:solidFill>
                  <a:srgbClr val="000000"/>
                </a:solidFill>
                <a:latin typeface="+mj-lt"/>
              </a:rPr>
              <a:t>  Presentation content and adherence to the time/slide limit.</a:t>
            </a:r>
            <a:endParaRPr lang="en-US" sz="1800" dirty="0">
              <a:latin typeface="+mj-lt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55B290-4A79-5771-1DA2-08E1CF1D30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72E45F-3157-F721-934D-AB03D85322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6B83D3-FC68-DD94-7D7E-2391DBBC90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t>4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42FC584-42B0-1D0C-7D62-A7E7EB0C4F0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6312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86349866445789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VRT\AppData\Local\Temp\Templafy\PowerPointVsto\Assets\Full-frame---environment--03.jpg"/>
  <p:tag name="TEMPLAFYSLIDEID" val="637526191392817463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VRT\AppData\Local\Temp\Templafy\PowerPointVsto\Assets\Full-frame---environment--03.jpg"/>
  <p:tag name="TEMPLAFYSLIDEID" val="637526191392817463"/>
</p:tagLst>
</file>

<file path=ppt/theme/theme1.xml><?xml version="1.0" encoding="utf-8"?>
<a:theme xmlns:a="http://schemas.openxmlformats.org/drawingml/2006/main" name="Novo Nordisk 16:9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Apis Novo Nordisk">
      <a:majorFont>
        <a:latin typeface="Apis For Office"/>
        <a:ea typeface=""/>
        <a:cs typeface=""/>
      </a:majorFont>
      <a:minorFont>
        <a:latin typeface="Apis For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lIns="0" tIns="0" rIns="0" bIns="0" rtlCol="0">
        <a:spAutoFit/>
      </a:bodyPr>
      <a:lstStyle>
        <a:defPPr algn="l">
          <a:lnSpc>
            <a:spcPct val="120000"/>
          </a:lnSpc>
          <a:defRPr sz="2000" dirty="0" err="1" smtClean="0">
            <a:solidFill>
              <a:schemeClr val="tx2"/>
            </a:solidFill>
          </a:defRPr>
        </a:defPPr>
      </a:lstStyle>
    </a:txDef>
  </a:objectDefaults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Novo Nordisk template 2023.pptx" id="{A4B325A4-D7E1-4A28-875F-ABE97A165AA8}" vid="{65125BF6-BC4A-4759-A16E-02C6E997CB83}"/>
    </a:ext>
  </a:extLst>
</a:theme>
</file>

<file path=ppt/theme/theme2.xml><?xml version="1.0" encoding="utf-8"?>
<a:theme xmlns:a="http://schemas.openxmlformats.org/drawingml/2006/main" name="Office-tema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302330981229767","enableDocumentContentUpdater":true,"version":"1.1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FormConfiguration><![CDATA[{"formFields":[{"dataSource":"P - Logo Choice","displayColumn":"logoUI","hideIfNoUserInteractionRequired":false,"distinct":true,"required":false,"autoSelectFirstOption":false,"helpTexts":{"prefix":"","postfix":""},"spacing":{},"type":"dropDown","name":"PLogoChoice","label":"Choose template version","fullyQualifiedName":"PLogoChoice"}],"formDataEntries":[]}]]></TemplafyFormConfiguration>
</file>

<file path=customXml/item5.xml><?xml version="1.0" encoding="utf-8"?>
<TemplafyTemplateConfiguration><![CDATA[{"elementsMetadata":[],"transformationConfigurations":[],"templateName":"Novo Nordisk template 2023","templateDescription":"Create a new presentation","enableDocumentContentUpdater":true,"version":"1.1"}]]></TemplafyTemplateConfiguration>
</file>

<file path=customXml/itemProps1.xml><?xml version="1.0" encoding="utf-8"?>
<ds:datastoreItem xmlns:ds="http://schemas.openxmlformats.org/officeDocument/2006/customXml" ds:itemID="{ADE1834A-8F2E-4941-9126-DCB521A0C967}">
  <ds:schemaRefs/>
</ds:datastoreItem>
</file>

<file path=customXml/itemProps2.xml><?xml version="1.0" encoding="utf-8"?>
<ds:datastoreItem xmlns:ds="http://schemas.openxmlformats.org/officeDocument/2006/customXml" ds:itemID="{252925B2-746E-4360-A4F2-5798140CB677}">
  <ds:schemaRefs/>
</ds:datastoreItem>
</file>

<file path=customXml/itemProps3.xml><?xml version="1.0" encoding="utf-8"?>
<ds:datastoreItem xmlns:ds="http://schemas.openxmlformats.org/officeDocument/2006/customXml" ds:itemID="{138F2D03-F78C-4BA5-AF36-D29C2CA656D9}">
  <ds:schemaRefs/>
</ds:datastoreItem>
</file>

<file path=customXml/itemProps4.xml><?xml version="1.0" encoding="utf-8"?>
<ds:datastoreItem xmlns:ds="http://schemas.openxmlformats.org/officeDocument/2006/customXml" ds:itemID="{0EAE732B-3A91-411A-8C1A-6FA9E5457B7E}">
  <ds:schemaRefs/>
</ds:datastoreItem>
</file>

<file path=customXml/itemProps5.xml><?xml version="1.0" encoding="utf-8"?>
<ds:datastoreItem xmlns:ds="http://schemas.openxmlformats.org/officeDocument/2006/customXml" ds:itemID="{3EF6E6FF-A500-45E5-BC31-0E5BF6EC43E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73</TotalTime>
  <Words>811</Words>
  <Application>Microsoft Office PowerPoint</Application>
  <PresentationFormat>Widescreen</PresentationFormat>
  <Paragraphs>105</Paragraphs>
  <Slides>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pis For Office Light</vt:lpstr>
      <vt:lpstr>Arial</vt:lpstr>
      <vt:lpstr>Wingdings</vt:lpstr>
      <vt:lpstr>Apis For Office</vt:lpstr>
      <vt:lpstr>Novo Nordisk 16:9</vt:lpstr>
      <vt:lpstr>PowerPoint Presentation</vt:lpstr>
      <vt:lpstr>PowerPoint Presentation</vt:lpstr>
      <vt:lpstr>Variable Description</vt:lpstr>
      <vt:lpstr>General Instructions</vt:lpstr>
    </vt:vector>
  </TitlesOfParts>
  <Company>Novo Nordisk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BTH (Sebastian Thomas)</dc:creator>
  <cp:lastModifiedBy>EBTH (Sebastian Thomas)</cp:lastModifiedBy>
  <cp:revision>35</cp:revision>
  <dcterms:created xsi:type="dcterms:W3CDTF">2023-06-26T05:56:26Z</dcterms:created>
  <dcterms:modified xsi:type="dcterms:W3CDTF">2023-06-30T03:14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1-03T11:21:32.9463325Z</vt:lpwstr>
  </property>
  <property fmtid="{D5CDD505-2E9C-101B-9397-08002B2CF9AE}" pid="3" name="HasRun">
    <vt:lpwstr>NULL</vt:lpwstr>
  </property>
</Properties>
</file>